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924" r:id="rId1"/>
  </p:sldMasterIdLst>
  <p:sldIdLst>
    <p:sldId id="256" r:id="rId2"/>
    <p:sldId id="257" r:id="rId3"/>
    <p:sldId id="270" r:id="rId4"/>
    <p:sldId id="258" r:id="rId5"/>
    <p:sldId id="259" r:id="rId6"/>
    <p:sldId id="262" r:id="rId7"/>
    <p:sldId id="268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660"/>
  </p:normalViewPr>
  <p:slideViewPr>
    <p:cSldViewPr snapToGrid="0">
      <p:cViewPr varScale="1">
        <p:scale>
          <a:sx n="72" d="100"/>
          <a:sy n="72" d="100"/>
        </p:scale>
        <p:origin x="660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SchemeForSuggestions">
  <dgm:title val="Color Scheme for Suggestions"/>
  <dgm:desc val="Color Scheme for Suggestions"/>
  <dgm:catLst>
    <dgm:cat type="Other" pri="2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bg1">
        <a:lumMod val="95000"/>
      </a:schemeClr>
    </dgm:fillClrLst>
    <dgm:linClrLst>
      <a:schemeClr val="bg1">
        <a:lumMod val="95000"/>
      </a:schemeClr>
    </dgm:linClrLst>
    <dgm:effectClrLst/>
    <dgm:txLinClrLst/>
    <dgm:txFillClrLst meth="repeat">
      <a:schemeClr val="tx1">
        <a:lumMod val="75000"/>
        <a:lumOff val="25000"/>
      </a:schemeClr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ColorSchemeForSuggestions">
  <dgm:title val="Color Scheme for Suggestions"/>
  <dgm:desc val="Color Scheme for Suggestions"/>
  <dgm:catLst>
    <dgm:cat type="Other" pri="2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bg1">
        <a:lumMod val="95000"/>
      </a:schemeClr>
    </dgm:fillClrLst>
    <dgm:linClrLst>
      <a:schemeClr val="bg1">
        <a:lumMod val="95000"/>
      </a:schemeClr>
    </dgm:linClrLst>
    <dgm:effectClrLst/>
    <dgm:txLinClrLst/>
    <dgm:txFillClrLst meth="repeat">
      <a:schemeClr val="tx1">
        <a:lumMod val="75000"/>
        <a:lumOff val="25000"/>
      </a:schemeClr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79F553D-FA16-48CC-B740-FCE148255AA6}" type="doc">
      <dgm:prSet loTypeId="urn:microsoft.com/office/officeart/2008/layout/LinedList" loCatId="Inbox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633F99E2-4D24-4554-8102-0DE5A761D153}">
      <dgm:prSet/>
      <dgm:spPr/>
      <dgm:t>
        <a:bodyPr/>
        <a:lstStyle/>
        <a:p>
          <a:r>
            <a:rPr lang="en-US" dirty="0"/>
            <a:t>Online Tenant Screening</a:t>
          </a:r>
        </a:p>
      </dgm:t>
    </dgm:pt>
    <dgm:pt modelId="{9F98F0C0-2AE8-4AAC-AA93-DFFA1ADA17D9}" type="parTrans" cxnId="{EDAD07A0-9571-4349-A249-04C8D218CAD5}">
      <dgm:prSet/>
      <dgm:spPr/>
      <dgm:t>
        <a:bodyPr/>
        <a:lstStyle/>
        <a:p>
          <a:endParaRPr lang="en-US"/>
        </a:p>
      </dgm:t>
    </dgm:pt>
    <dgm:pt modelId="{97970D33-94F9-4B42-BE52-AB4216DC7D47}" type="sibTrans" cxnId="{EDAD07A0-9571-4349-A249-04C8D218CAD5}">
      <dgm:prSet/>
      <dgm:spPr/>
      <dgm:t>
        <a:bodyPr/>
        <a:lstStyle/>
        <a:p>
          <a:endParaRPr lang="en-US"/>
        </a:p>
      </dgm:t>
    </dgm:pt>
    <dgm:pt modelId="{1011D0FE-BD70-4976-B57A-438ACCC383FC}">
      <dgm:prSet/>
      <dgm:spPr/>
      <dgm:t>
        <a:bodyPr/>
        <a:lstStyle/>
        <a:p>
          <a:r>
            <a:rPr lang="en-US" dirty="0"/>
            <a:t>Customized tenant screening and grouping</a:t>
          </a:r>
        </a:p>
      </dgm:t>
    </dgm:pt>
    <dgm:pt modelId="{0C07FEFA-0EFD-4F54-8CA9-1C098F854510}" type="parTrans" cxnId="{80EAA279-BCAC-4E7A-BD9E-ABE7EE53207E}">
      <dgm:prSet/>
      <dgm:spPr/>
      <dgm:t>
        <a:bodyPr/>
        <a:lstStyle/>
        <a:p>
          <a:endParaRPr lang="en-US"/>
        </a:p>
      </dgm:t>
    </dgm:pt>
    <dgm:pt modelId="{B0F91FC1-CE68-4320-9F8E-323EDA259A70}" type="sibTrans" cxnId="{80EAA279-BCAC-4E7A-BD9E-ABE7EE53207E}">
      <dgm:prSet/>
      <dgm:spPr/>
      <dgm:t>
        <a:bodyPr/>
        <a:lstStyle/>
        <a:p>
          <a:endParaRPr lang="en-US"/>
        </a:p>
      </dgm:t>
    </dgm:pt>
    <dgm:pt modelId="{79F08816-311E-4276-B57F-78CF59060FF5}">
      <dgm:prSet/>
      <dgm:spPr/>
      <dgm:t>
        <a:bodyPr/>
        <a:lstStyle/>
        <a:p>
          <a:r>
            <a:rPr lang="en-US" dirty="0"/>
            <a:t>Information security and Risk Management</a:t>
          </a:r>
        </a:p>
      </dgm:t>
    </dgm:pt>
    <dgm:pt modelId="{DF78EDD8-AA5D-4081-83F3-908A1C4266B4}" type="parTrans" cxnId="{5E2BECF0-4F42-45D8-81E9-D99BC7449376}">
      <dgm:prSet/>
      <dgm:spPr/>
      <dgm:t>
        <a:bodyPr/>
        <a:lstStyle/>
        <a:p>
          <a:endParaRPr lang="en-US"/>
        </a:p>
      </dgm:t>
    </dgm:pt>
    <dgm:pt modelId="{1F32EAF5-8949-4237-B0C0-43E592146229}" type="sibTrans" cxnId="{5E2BECF0-4F42-45D8-81E9-D99BC7449376}">
      <dgm:prSet/>
      <dgm:spPr/>
      <dgm:t>
        <a:bodyPr/>
        <a:lstStyle/>
        <a:p>
          <a:endParaRPr lang="en-US"/>
        </a:p>
      </dgm:t>
    </dgm:pt>
    <dgm:pt modelId="{68102D96-006C-4D5C-8DF8-25CB53046AE8}" type="pres">
      <dgm:prSet presAssocID="{479F553D-FA16-48CC-B740-FCE148255AA6}" presName="vert0" presStyleCnt="0">
        <dgm:presLayoutVars>
          <dgm:dir/>
          <dgm:animOne val="branch"/>
          <dgm:animLvl val="lvl"/>
        </dgm:presLayoutVars>
      </dgm:prSet>
      <dgm:spPr/>
    </dgm:pt>
    <dgm:pt modelId="{D70270A3-6895-4725-81F1-4EB20C482E73}" type="pres">
      <dgm:prSet presAssocID="{633F99E2-4D24-4554-8102-0DE5A761D153}" presName="thickLine" presStyleLbl="alignNode1" presStyleIdx="0" presStyleCnt="3"/>
      <dgm:spPr/>
    </dgm:pt>
    <dgm:pt modelId="{4E418435-4064-4993-BEB0-60B74A82950C}" type="pres">
      <dgm:prSet presAssocID="{633F99E2-4D24-4554-8102-0DE5A761D153}" presName="horz1" presStyleCnt="0"/>
      <dgm:spPr/>
    </dgm:pt>
    <dgm:pt modelId="{CDC97E72-805F-4E02-9860-F0E6B61EDB03}" type="pres">
      <dgm:prSet presAssocID="{633F99E2-4D24-4554-8102-0DE5A761D153}" presName="tx1" presStyleLbl="revTx" presStyleIdx="0" presStyleCnt="3"/>
      <dgm:spPr/>
    </dgm:pt>
    <dgm:pt modelId="{3F364ABC-190F-49D5-83FF-01A3F67F0D34}" type="pres">
      <dgm:prSet presAssocID="{633F99E2-4D24-4554-8102-0DE5A761D153}" presName="vert1" presStyleCnt="0"/>
      <dgm:spPr/>
    </dgm:pt>
    <dgm:pt modelId="{4E7ADA06-3189-4C63-80D6-AB11D756450D}" type="pres">
      <dgm:prSet presAssocID="{1011D0FE-BD70-4976-B57A-438ACCC383FC}" presName="thickLine" presStyleLbl="alignNode1" presStyleIdx="1" presStyleCnt="3"/>
      <dgm:spPr/>
    </dgm:pt>
    <dgm:pt modelId="{1FB764D4-D11B-4BCB-BDAC-419445D30263}" type="pres">
      <dgm:prSet presAssocID="{1011D0FE-BD70-4976-B57A-438ACCC383FC}" presName="horz1" presStyleCnt="0"/>
      <dgm:spPr/>
    </dgm:pt>
    <dgm:pt modelId="{28353A02-D8FB-4716-AA05-507A5A509BE0}" type="pres">
      <dgm:prSet presAssocID="{1011D0FE-BD70-4976-B57A-438ACCC383FC}" presName="tx1" presStyleLbl="revTx" presStyleIdx="1" presStyleCnt="3"/>
      <dgm:spPr/>
    </dgm:pt>
    <dgm:pt modelId="{D9269560-8D0A-4B86-B51D-8719608220EF}" type="pres">
      <dgm:prSet presAssocID="{1011D0FE-BD70-4976-B57A-438ACCC383FC}" presName="vert1" presStyleCnt="0"/>
      <dgm:spPr/>
    </dgm:pt>
    <dgm:pt modelId="{03A2AAEC-3D16-429E-9D49-7772FB6F435C}" type="pres">
      <dgm:prSet presAssocID="{79F08816-311E-4276-B57F-78CF59060FF5}" presName="thickLine" presStyleLbl="alignNode1" presStyleIdx="2" presStyleCnt="3"/>
      <dgm:spPr/>
    </dgm:pt>
    <dgm:pt modelId="{22778249-699B-4DCA-8EDA-8C988A4B04A0}" type="pres">
      <dgm:prSet presAssocID="{79F08816-311E-4276-B57F-78CF59060FF5}" presName="horz1" presStyleCnt="0"/>
      <dgm:spPr/>
    </dgm:pt>
    <dgm:pt modelId="{C8735382-256E-4973-8387-570BCFEF8266}" type="pres">
      <dgm:prSet presAssocID="{79F08816-311E-4276-B57F-78CF59060FF5}" presName="tx1" presStyleLbl="revTx" presStyleIdx="2" presStyleCnt="3"/>
      <dgm:spPr/>
    </dgm:pt>
    <dgm:pt modelId="{3DB5F916-CBBF-4C00-B9C0-E97C2B5A7116}" type="pres">
      <dgm:prSet presAssocID="{79F08816-311E-4276-B57F-78CF59060FF5}" presName="vert1" presStyleCnt="0"/>
      <dgm:spPr/>
    </dgm:pt>
  </dgm:ptLst>
  <dgm:cxnLst>
    <dgm:cxn modelId="{D3B54F3E-BB2D-4ED0-8910-AD9145D502F7}" type="presOf" srcId="{633F99E2-4D24-4554-8102-0DE5A761D153}" destId="{CDC97E72-805F-4E02-9860-F0E6B61EDB03}" srcOrd="0" destOrd="0" presId="urn:microsoft.com/office/officeart/2008/layout/LinedList"/>
    <dgm:cxn modelId="{D258B767-BB53-4EA6-A968-2DF3BFD3BA17}" type="presOf" srcId="{479F553D-FA16-48CC-B740-FCE148255AA6}" destId="{68102D96-006C-4D5C-8DF8-25CB53046AE8}" srcOrd="0" destOrd="0" presId="urn:microsoft.com/office/officeart/2008/layout/LinedList"/>
    <dgm:cxn modelId="{68A30359-3968-430C-82B3-B709A4F37847}" type="presOf" srcId="{79F08816-311E-4276-B57F-78CF59060FF5}" destId="{C8735382-256E-4973-8387-570BCFEF8266}" srcOrd="0" destOrd="0" presId="urn:microsoft.com/office/officeart/2008/layout/LinedList"/>
    <dgm:cxn modelId="{80EAA279-BCAC-4E7A-BD9E-ABE7EE53207E}" srcId="{479F553D-FA16-48CC-B740-FCE148255AA6}" destId="{1011D0FE-BD70-4976-B57A-438ACCC383FC}" srcOrd="1" destOrd="0" parTransId="{0C07FEFA-0EFD-4F54-8CA9-1C098F854510}" sibTransId="{B0F91FC1-CE68-4320-9F8E-323EDA259A70}"/>
    <dgm:cxn modelId="{EDAD07A0-9571-4349-A249-04C8D218CAD5}" srcId="{479F553D-FA16-48CC-B740-FCE148255AA6}" destId="{633F99E2-4D24-4554-8102-0DE5A761D153}" srcOrd="0" destOrd="0" parTransId="{9F98F0C0-2AE8-4AAC-AA93-DFFA1ADA17D9}" sibTransId="{97970D33-94F9-4B42-BE52-AB4216DC7D47}"/>
    <dgm:cxn modelId="{85268FA7-7EBD-450D-BA69-C089F11618DA}" type="presOf" srcId="{1011D0FE-BD70-4976-B57A-438ACCC383FC}" destId="{28353A02-D8FB-4716-AA05-507A5A509BE0}" srcOrd="0" destOrd="0" presId="urn:microsoft.com/office/officeart/2008/layout/LinedList"/>
    <dgm:cxn modelId="{5E2BECF0-4F42-45D8-81E9-D99BC7449376}" srcId="{479F553D-FA16-48CC-B740-FCE148255AA6}" destId="{79F08816-311E-4276-B57F-78CF59060FF5}" srcOrd="2" destOrd="0" parTransId="{DF78EDD8-AA5D-4081-83F3-908A1C4266B4}" sibTransId="{1F32EAF5-8949-4237-B0C0-43E592146229}"/>
    <dgm:cxn modelId="{69FFAF0D-1C03-4B0D-981B-E7B437A6B2E8}" type="presParOf" srcId="{68102D96-006C-4D5C-8DF8-25CB53046AE8}" destId="{D70270A3-6895-4725-81F1-4EB20C482E73}" srcOrd="0" destOrd="0" presId="urn:microsoft.com/office/officeart/2008/layout/LinedList"/>
    <dgm:cxn modelId="{9545178C-226E-4FD6-9DBA-BF8726D7CB16}" type="presParOf" srcId="{68102D96-006C-4D5C-8DF8-25CB53046AE8}" destId="{4E418435-4064-4993-BEB0-60B74A82950C}" srcOrd="1" destOrd="0" presId="urn:microsoft.com/office/officeart/2008/layout/LinedList"/>
    <dgm:cxn modelId="{DEC571DB-C7DF-4F01-A02E-F39BE0DA65A6}" type="presParOf" srcId="{4E418435-4064-4993-BEB0-60B74A82950C}" destId="{CDC97E72-805F-4E02-9860-F0E6B61EDB03}" srcOrd="0" destOrd="0" presId="urn:microsoft.com/office/officeart/2008/layout/LinedList"/>
    <dgm:cxn modelId="{6936AF42-8ED8-4AB7-B965-3935F39209A3}" type="presParOf" srcId="{4E418435-4064-4993-BEB0-60B74A82950C}" destId="{3F364ABC-190F-49D5-83FF-01A3F67F0D34}" srcOrd="1" destOrd="0" presId="urn:microsoft.com/office/officeart/2008/layout/LinedList"/>
    <dgm:cxn modelId="{3965B024-083A-4E15-B38C-79CADE70B1AD}" type="presParOf" srcId="{68102D96-006C-4D5C-8DF8-25CB53046AE8}" destId="{4E7ADA06-3189-4C63-80D6-AB11D756450D}" srcOrd="2" destOrd="0" presId="urn:microsoft.com/office/officeart/2008/layout/LinedList"/>
    <dgm:cxn modelId="{4697E0E8-BD05-4F8E-9970-9CA550D6A143}" type="presParOf" srcId="{68102D96-006C-4D5C-8DF8-25CB53046AE8}" destId="{1FB764D4-D11B-4BCB-BDAC-419445D30263}" srcOrd="3" destOrd="0" presId="urn:microsoft.com/office/officeart/2008/layout/LinedList"/>
    <dgm:cxn modelId="{8DCC4175-E2B6-4995-BBF4-C0B30E5F8945}" type="presParOf" srcId="{1FB764D4-D11B-4BCB-BDAC-419445D30263}" destId="{28353A02-D8FB-4716-AA05-507A5A509BE0}" srcOrd="0" destOrd="0" presId="urn:microsoft.com/office/officeart/2008/layout/LinedList"/>
    <dgm:cxn modelId="{0D9E7EF1-F7DF-451E-A3EF-D9ECD3910CB8}" type="presParOf" srcId="{1FB764D4-D11B-4BCB-BDAC-419445D30263}" destId="{D9269560-8D0A-4B86-B51D-8719608220EF}" srcOrd="1" destOrd="0" presId="urn:microsoft.com/office/officeart/2008/layout/LinedList"/>
    <dgm:cxn modelId="{6E2B9A95-4987-407D-94C8-0AFA4D87BC5D}" type="presParOf" srcId="{68102D96-006C-4D5C-8DF8-25CB53046AE8}" destId="{03A2AAEC-3D16-429E-9D49-7772FB6F435C}" srcOrd="4" destOrd="0" presId="urn:microsoft.com/office/officeart/2008/layout/LinedList"/>
    <dgm:cxn modelId="{E1DD69B2-7CEA-420A-8CB6-D4B8E0762632}" type="presParOf" srcId="{68102D96-006C-4D5C-8DF8-25CB53046AE8}" destId="{22778249-699B-4DCA-8EDA-8C988A4B04A0}" srcOrd="5" destOrd="0" presId="urn:microsoft.com/office/officeart/2008/layout/LinedList"/>
    <dgm:cxn modelId="{9C95ABF1-D870-4020-AC8F-4CB201BF458B}" type="presParOf" srcId="{22778249-699B-4DCA-8EDA-8C988A4B04A0}" destId="{C8735382-256E-4973-8387-570BCFEF8266}" srcOrd="0" destOrd="0" presId="urn:microsoft.com/office/officeart/2008/layout/LinedList"/>
    <dgm:cxn modelId="{23EE2E61-9338-4C78-8915-E222008FBFDD}" type="presParOf" srcId="{22778249-699B-4DCA-8EDA-8C988A4B04A0}" destId="{3DB5F916-CBBF-4C00-B9C0-E97C2B5A7116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479F553D-FA16-48CC-B740-FCE148255AA6}" type="doc">
      <dgm:prSet loTypeId="urn:microsoft.com/office/officeart/2008/layout/LinedList" loCatId="Inbox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633F99E2-4D24-4554-8102-0DE5A761D153}">
      <dgm:prSet/>
      <dgm:spPr/>
      <dgm:t>
        <a:bodyPr/>
        <a:lstStyle/>
        <a:p>
          <a:r>
            <a:rPr lang="en-US" dirty="0"/>
            <a:t>Sales cycle</a:t>
          </a:r>
        </a:p>
      </dgm:t>
    </dgm:pt>
    <dgm:pt modelId="{9F98F0C0-2AE8-4AAC-AA93-DFFA1ADA17D9}" type="parTrans" cxnId="{EDAD07A0-9571-4349-A249-04C8D218CAD5}">
      <dgm:prSet/>
      <dgm:spPr/>
      <dgm:t>
        <a:bodyPr/>
        <a:lstStyle/>
        <a:p>
          <a:endParaRPr lang="en-US"/>
        </a:p>
      </dgm:t>
    </dgm:pt>
    <dgm:pt modelId="{97970D33-94F9-4B42-BE52-AB4216DC7D47}" type="sibTrans" cxnId="{EDAD07A0-9571-4349-A249-04C8D218CAD5}">
      <dgm:prSet/>
      <dgm:spPr/>
      <dgm:t>
        <a:bodyPr/>
        <a:lstStyle/>
        <a:p>
          <a:endParaRPr lang="en-US"/>
        </a:p>
      </dgm:t>
    </dgm:pt>
    <dgm:pt modelId="{1011D0FE-BD70-4976-B57A-438ACCC383FC}">
      <dgm:prSet/>
      <dgm:spPr/>
      <dgm:t>
        <a:bodyPr/>
        <a:lstStyle/>
        <a:p>
          <a:r>
            <a:rPr lang="en-US" dirty="0"/>
            <a:t>Marketing plan</a:t>
          </a:r>
        </a:p>
      </dgm:t>
    </dgm:pt>
    <dgm:pt modelId="{0C07FEFA-0EFD-4F54-8CA9-1C098F854510}" type="parTrans" cxnId="{80EAA279-BCAC-4E7A-BD9E-ABE7EE53207E}">
      <dgm:prSet/>
      <dgm:spPr/>
      <dgm:t>
        <a:bodyPr/>
        <a:lstStyle/>
        <a:p>
          <a:endParaRPr lang="en-US"/>
        </a:p>
      </dgm:t>
    </dgm:pt>
    <dgm:pt modelId="{B0F91FC1-CE68-4320-9F8E-323EDA259A70}" type="sibTrans" cxnId="{80EAA279-BCAC-4E7A-BD9E-ABE7EE53207E}">
      <dgm:prSet/>
      <dgm:spPr/>
      <dgm:t>
        <a:bodyPr/>
        <a:lstStyle/>
        <a:p>
          <a:endParaRPr lang="en-US"/>
        </a:p>
      </dgm:t>
    </dgm:pt>
    <dgm:pt modelId="{A9AF6280-51E5-4AA8-ABAE-5BE85352D611}">
      <dgm:prSet/>
      <dgm:spPr/>
      <dgm:t>
        <a:bodyPr/>
        <a:lstStyle/>
        <a:p>
          <a:r>
            <a:rPr lang="en-US" dirty="0"/>
            <a:t>Risk Mitigation</a:t>
          </a:r>
        </a:p>
      </dgm:t>
    </dgm:pt>
    <dgm:pt modelId="{F6AB282A-0D48-4384-B19F-0EC42450251F}" type="parTrans" cxnId="{7EBB336B-A3C4-432F-900E-F7CFA97CD73D}">
      <dgm:prSet/>
      <dgm:spPr/>
      <dgm:t>
        <a:bodyPr/>
        <a:lstStyle/>
        <a:p>
          <a:endParaRPr lang="en-US"/>
        </a:p>
      </dgm:t>
    </dgm:pt>
    <dgm:pt modelId="{38D09AA3-7257-46CC-B85C-8948074EEA42}" type="sibTrans" cxnId="{7EBB336B-A3C4-432F-900E-F7CFA97CD73D}">
      <dgm:prSet/>
      <dgm:spPr/>
      <dgm:t>
        <a:bodyPr/>
        <a:lstStyle/>
        <a:p>
          <a:endParaRPr lang="en-US"/>
        </a:p>
      </dgm:t>
    </dgm:pt>
    <dgm:pt modelId="{30E23B72-CEA3-4C3C-AC97-3E09A5334017}">
      <dgm:prSet/>
      <dgm:spPr/>
      <dgm:t>
        <a:bodyPr/>
        <a:lstStyle/>
        <a:p>
          <a:r>
            <a:rPr lang="en-US" dirty="0"/>
            <a:t>Specific dialogue and timeline</a:t>
          </a:r>
        </a:p>
      </dgm:t>
    </dgm:pt>
    <dgm:pt modelId="{1A8E3267-DB16-4001-B7C2-A9F1AB623FC5}" type="parTrans" cxnId="{63FB319C-1FB1-46B2-B6C8-9EB2758969D6}">
      <dgm:prSet/>
      <dgm:spPr/>
      <dgm:t>
        <a:bodyPr/>
        <a:lstStyle/>
        <a:p>
          <a:endParaRPr lang="en-US"/>
        </a:p>
      </dgm:t>
    </dgm:pt>
    <dgm:pt modelId="{436909F7-D0D0-465E-BB27-93667E4C1E31}" type="sibTrans" cxnId="{63FB319C-1FB1-46B2-B6C8-9EB2758969D6}">
      <dgm:prSet/>
      <dgm:spPr/>
      <dgm:t>
        <a:bodyPr/>
        <a:lstStyle/>
        <a:p>
          <a:endParaRPr lang="en-US"/>
        </a:p>
      </dgm:t>
    </dgm:pt>
    <dgm:pt modelId="{68102D96-006C-4D5C-8DF8-25CB53046AE8}" type="pres">
      <dgm:prSet presAssocID="{479F553D-FA16-48CC-B740-FCE148255AA6}" presName="vert0" presStyleCnt="0">
        <dgm:presLayoutVars>
          <dgm:dir/>
          <dgm:animOne val="branch"/>
          <dgm:animLvl val="lvl"/>
        </dgm:presLayoutVars>
      </dgm:prSet>
      <dgm:spPr/>
    </dgm:pt>
    <dgm:pt modelId="{D70270A3-6895-4725-81F1-4EB20C482E73}" type="pres">
      <dgm:prSet presAssocID="{633F99E2-4D24-4554-8102-0DE5A761D153}" presName="thickLine" presStyleLbl="alignNode1" presStyleIdx="0" presStyleCnt="4"/>
      <dgm:spPr/>
    </dgm:pt>
    <dgm:pt modelId="{4E418435-4064-4993-BEB0-60B74A82950C}" type="pres">
      <dgm:prSet presAssocID="{633F99E2-4D24-4554-8102-0DE5A761D153}" presName="horz1" presStyleCnt="0"/>
      <dgm:spPr/>
    </dgm:pt>
    <dgm:pt modelId="{CDC97E72-805F-4E02-9860-F0E6B61EDB03}" type="pres">
      <dgm:prSet presAssocID="{633F99E2-4D24-4554-8102-0DE5A761D153}" presName="tx1" presStyleLbl="revTx" presStyleIdx="0" presStyleCnt="4"/>
      <dgm:spPr/>
    </dgm:pt>
    <dgm:pt modelId="{3F364ABC-190F-49D5-83FF-01A3F67F0D34}" type="pres">
      <dgm:prSet presAssocID="{633F99E2-4D24-4554-8102-0DE5A761D153}" presName="vert1" presStyleCnt="0"/>
      <dgm:spPr/>
    </dgm:pt>
    <dgm:pt modelId="{36756A89-CD3D-4273-A0AD-8DF7B67C23FE}" type="pres">
      <dgm:prSet presAssocID="{30E23B72-CEA3-4C3C-AC97-3E09A5334017}" presName="thickLine" presStyleLbl="alignNode1" presStyleIdx="1" presStyleCnt="4"/>
      <dgm:spPr/>
    </dgm:pt>
    <dgm:pt modelId="{932DBAC7-13CB-4750-A77F-C68B406FFA89}" type="pres">
      <dgm:prSet presAssocID="{30E23B72-CEA3-4C3C-AC97-3E09A5334017}" presName="horz1" presStyleCnt="0"/>
      <dgm:spPr/>
    </dgm:pt>
    <dgm:pt modelId="{20E71E75-9383-4699-9DD7-B093B4700C5E}" type="pres">
      <dgm:prSet presAssocID="{30E23B72-CEA3-4C3C-AC97-3E09A5334017}" presName="tx1" presStyleLbl="revTx" presStyleIdx="1" presStyleCnt="4"/>
      <dgm:spPr/>
    </dgm:pt>
    <dgm:pt modelId="{C2AB3EDF-58A0-4BE2-AC02-EA56DB19E87F}" type="pres">
      <dgm:prSet presAssocID="{30E23B72-CEA3-4C3C-AC97-3E09A5334017}" presName="vert1" presStyleCnt="0"/>
      <dgm:spPr/>
    </dgm:pt>
    <dgm:pt modelId="{4E7ADA06-3189-4C63-80D6-AB11D756450D}" type="pres">
      <dgm:prSet presAssocID="{1011D0FE-BD70-4976-B57A-438ACCC383FC}" presName="thickLine" presStyleLbl="alignNode1" presStyleIdx="2" presStyleCnt="4"/>
      <dgm:spPr/>
    </dgm:pt>
    <dgm:pt modelId="{1FB764D4-D11B-4BCB-BDAC-419445D30263}" type="pres">
      <dgm:prSet presAssocID="{1011D0FE-BD70-4976-B57A-438ACCC383FC}" presName="horz1" presStyleCnt="0"/>
      <dgm:spPr/>
    </dgm:pt>
    <dgm:pt modelId="{28353A02-D8FB-4716-AA05-507A5A509BE0}" type="pres">
      <dgm:prSet presAssocID="{1011D0FE-BD70-4976-B57A-438ACCC383FC}" presName="tx1" presStyleLbl="revTx" presStyleIdx="2" presStyleCnt="4"/>
      <dgm:spPr/>
    </dgm:pt>
    <dgm:pt modelId="{D9269560-8D0A-4B86-B51D-8719608220EF}" type="pres">
      <dgm:prSet presAssocID="{1011D0FE-BD70-4976-B57A-438ACCC383FC}" presName="vert1" presStyleCnt="0"/>
      <dgm:spPr/>
    </dgm:pt>
    <dgm:pt modelId="{5DE66AA6-8210-4CE4-BB81-5E8BA385BC9C}" type="pres">
      <dgm:prSet presAssocID="{A9AF6280-51E5-4AA8-ABAE-5BE85352D611}" presName="thickLine" presStyleLbl="alignNode1" presStyleIdx="3" presStyleCnt="4"/>
      <dgm:spPr/>
    </dgm:pt>
    <dgm:pt modelId="{30B96953-CDDD-4AF6-A6D7-CD865CF2E908}" type="pres">
      <dgm:prSet presAssocID="{A9AF6280-51E5-4AA8-ABAE-5BE85352D611}" presName="horz1" presStyleCnt="0"/>
      <dgm:spPr/>
    </dgm:pt>
    <dgm:pt modelId="{99EF9FFC-D8BD-4089-9EC0-38B002FCB75C}" type="pres">
      <dgm:prSet presAssocID="{A9AF6280-51E5-4AA8-ABAE-5BE85352D611}" presName="tx1" presStyleLbl="revTx" presStyleIdx="3" presStyleCnt="4"/>
      <dgm:spPr/>
    </dgm:pt>
    <dgm:pt modelId="{D3E09F5D-26CB-4612-B76E-EACE7A363549}" type="pres">
      <dgm:prSet presAssocID="{A9AF6280-51E5-4AA8-ABAE-5BE85352D611}" presName="vert1" presStyleCnt="0"/>
      <dgm:spPr/>
    </dgm:pt>
  </dgm:ptLst>
  <dgm:cxnLst>
    <dgm:cxn modelId="{F89BF309-342F-4772-BD69-B7BABB19517C}" type="presOf" srcId="{30E23B72-CEA3-4C3C-AC97-3E09A5334017}" destId="{20E71E75-9383-4699-9DD7-B093B4700C5E}" srcOrd="0" destOrd="0" presId="urn:microsoft.com/office/officeart/2008/layout/LinedList"/>
    <dgm:cxn modelId="{D3B54F3E-BB2D-4ED0-8910-AD9145D502F7}" type="presOf" srcId="{633F99E2-4D24-4554-8102-0DE5A761D153}" destId="{CDC97E72-805F-4E02-9860-F0E6B61EDB03}" srcOrd="0" destOrd="0" presId="urn:microsoft.com/office/officeart/2008/layout/LinedList"/>
    <dgm:cxn modelId="{D258B767-BB53-4EA6-A968-2DF3BFD3BA17}" type="presOf" srcId="{479F553D-FA16-48CC-B740-FCE148255AA6}" destId="{68102D96-006C-4D5C-8DF8-25CB53046AE8}" srcOrd="0" destOrd="0" presId="urn:microsoft.com/office/officeart/2008/layout/LinedList"/>
    <dgm:cxn modelId="{7EBB336B-A3C4-432F-900E-F7CFA97CD73D}" srcId="{479F553D-FA16-48CC-B740-FCE148255AA6}" destId="{A9AF6280-51E5-4AA8-ABAE-5BE85352D611}" srcOrd="3" destOrd="0" parTransId="{F6AB282A-0D48-4384-B19F-0EC42450251F}" sibTransId="{38D09AA3-7257-46CC-B85C-8948074EEA42}"/>
    <dgm:cxn modelId="{80EAA279-BCAC-4E7A-BD9E-ABE7EE53207E}" srcId="{479F553D-FA16-48CC-B740-FCE148255AA6}" destId="{1011D0FE-BD70-4976-B57A-438ACCC383FC}" srcOrd="2" destOrd="0" parTransId="{0C07FEFA-0EFD-4F54-8CA9-1C098F854510}" sibTransId="{B0F91FC1-CE68-4320-9F8E-323EDA259A70}"/>
    <dgm:cxn modelId="{63FB319C-1FB1-46B2-B6C8-9EB2758969D6}" srcId="{479F553D-FA16-48CC-B740-FCE148255AA6}" destId="{30E23B72-CEA3-4C3C-AC97-3E09A5334017}" srcOrd="1" destOrd="0" parTransId="{1A8E3267-DB16-4001-B7C2-A9F1AB623FC5}" sibTransId="{436909F7-D0D0-465E-BB27-93667E4C1E31}"/>
    <dgm:cxn modelId="{EDAD07A0-9571-4349-A249-04C8D218CAD5}" srcId="{479F553D-FA16-48CC-B740-FCE148255AA6}" destId="{633F99E2-4D24-4554-8102-0DE5A761D153}" srcOrd="0" destOrd="0" parTransId="{9F98F0C0-2AE8-4AAC-AA93-DFFA1ADA17D9}" sibTransId="{97970D33-94F9-4B42-BE52-AB4216DC7D47}"/>
    <dgm:cxn modelId="{85268FA7-7EBD-450D-BA69-C089F11618DA}" type="presOf" srcId="{1011D0FE-BD70-4976-B57A-438ACCC383FC}" destId="{28353A02-D8FB-4716-AA05-507A5A509BE0}" srcOrd="0" destOrd="0" presId="urn:microsoft.com/office/officeart/2008/layout/LinedList"/>
    <dgm:cxn modelId="{150367D1-EE22-4597-A148-27EE6F7F3FE9}" type="presOf" srcId="{A9AF6280-51E5-4AA8-ABAE-5BE85352D611}" destId="{99EF9FFC-D8BD-4089-9EC0-38B002FCB75C}" srcOrd="0" destOrd="0" presId="urn:microsoft.com/office/officeart/2008/layout/LinedList"/>
    <dgm:cxn modelId="{69FFAF0D-1C03-4B0D-981B-E7B437A6B2E8}" type="presParOf" srcId="{68102D96-006C-4D5C-8DF8-25CB53046AE8}" destId="{D70270A3-6895-4725-81F1-4EB20C482E73}" srcOrd="0" destOrd="0" presId="urn:microsoft.com/office/officeart/2008/layout/LinedList"/>
    <dgm:cxn modelId="{9545178C-226E-4FD6-9DBA-BF8726D7CB16}" type="presParOf" srcId="{68102D96-006C-4D5C-8DF8-25CB53046AE8}" destId="{4E418435-4064-4993-BEB0-60B74A82950C}" srcOrd="1" destOrd="0" presId="urn:microsoft.com/office/officeart/2008/layout/LinedList"/>
    <dgm:cxn modelId="{DEC571DB-C7DF-4F01-A02E-F39BE0DA65A6}" type="presParOf" srcId="{4E418435-4064-4993-BEB0-60B74A82950C}" destId="{CDC97E72-805F-4E02-9860-F0E6B61EDB03}" srcOrd="0" destOrd="0" presId="urn:microsoft.com/office/officeart/2008/layout/LinedList"/>
    <dgm:cxn modelId="{6936AF42-8ED8-4AB7-B965-3935F39209A3}" type="presParOf" srcId="{4E418435-4064-4993-BEB0-60B74A82950C}" destId="{3F364ABC-190F-49D5-83FF-01A3F67F0D34}" srcOrd="1" destOrd="0" presId="urn:microsoft.com/office/officeart/2008/layout/LinedList"/>
    <dgm:cxn modelId="{E070BBD9-F512-434C-A8FA-E0F47ABAA5C3}" type="presParOf" srcId="{68102D96-006C-4D5C-8DF8-25CB53046AE8}" destId="{36756A89-CD3D-4273-A0AD-8DF7B67C23FE}" srcOrd="2" destOrd="0" presId="urn:microsoft.com/office/officeart/2008/layout/LinedList"/>
    <dgm:cxn modelId="{87B7A607-2BD8-4154-8848-DB94B2736DAD}" type="presParOf" srcId="{68102D96-006C-4D5C-8DF8-25CB53046AE8}" destId="{932DBAC7-13CB-4750-A77F-C68B406FFA89}" srcOrd="3" destOrd="0" presId="urn:microsoft.com/office/officeart/2008/layout/LinedList"/>
    <dgm:cxn modelId="{5A9FDD65-BDD1-4822-9F03-464B44EFBF5F}" type="presParOf" srcId="{932DBAC7-13CB-4750-A77F-C68B406FFA89}" destId="{20E71E75-9383-4699-9DD7-B093B4700C5E}" srcOrd="0" destOrd="0" presId="urn:microsoft.com/office/officeart/2008/layout/LinedList"/>
    <dgm:cxn modelId="{7FAF603C-3BEA-4A2C-A8A6-ED1F933A1D40}" type="presParOf" srcId="{932DBAC7-13CB-4750-A77F-C68B406FFA89}" destId="{C2AB3EDF-58A0-4BE2-AC02-EA56DB19E87F}" srcOrd="1" destOrd="0" presId="urn:microsoft.com/office/officeart/2008/layout/LinedList"/>
    <dgm:cxn modelId="{3965B024-083A-4E15-B38C-79CADE70B1AD}" type="presParOf" srcId="{68102D96-006C-4D5C-8DF8-25CB53046AE8}" destId="{4E7ADA06-3189-4C63-80D6-AB11D756450D}" srcOrd="4" destOrd="0" presId="urn:microsoft.com/office/officeart/2008/layout/LinedList"/>
    <dgm:cxn modelId="{4697E0E8-BD05-4F8E-9970-9CA550D6A143}" type="presParOf" srcId="{68102D96-006C-4D5C-8DF8-25CB53046AE8}" destId="{1FB764D4-D11B-4BCB-BDAC-419445D30263}" srcOrd="5" destOrd="0" presId="urn:microsoft.com/office/officeart/2008/layout/LinedList"/>
    <dgm:cxn modelId="{8DCC4175-E2B6-4995-BBF4-C0B30E5F8945}" type="presParOf" srcId="{1FB764D4-D11B-4BCB-BDAC-419445D30263}" destId="{28353A02-D8FB-4716-AA05-507A5A509BE0}" srcOrd="0" destOrd="0" presId="urn:microsoft.com/office/officeart/2008/layout/LinedList"/>
    <dgm:cxn modelId="{0D9E7EF1-F7DF-451E-A3EF-D9ECD3910CB8}" type="presParOf" srcId="{1FB764D4-D11B-4BCB-BDAC-419445D30263}" destId="{D9269560-8D0A-4B86-B51D-8719608220EF}" srcOrd="1" destOrd="0" presId="urn:microsoft.com/office/officeart/2008/layout/LinedList"/>
    <dgm:cxn modelId="{95FB67D8-3FEB-4082-948B-562FD530669C}" type="presParOf" srcId="{68102D96-006C-4D5C-8DF8-25CB53046AE8}" destId="{5DE66AA6-8210-4CE4-BB81-5E8BA385BC9C}" srcOrd="6" destOrd="0" presId="urn:microsoft.com/office/officeart/2008/layout/LinedList"/>
    <dgm:cxn modelId="{AA81B610-4FF3-49B0-A4EB-C4B91FA2482A}" type="presParOf" srcId="{68102D96-006C-4D5C-8DF8-25CB53046AE8}" destId="{30B96953-CDDD-4AF6-A6D7-CD865CF2E908}" srcOrd="7" destOrd="0" presId="urn:microsoft.com/office/officeart/2008/layout/LinedList"/>
    <dgm:cxn modelId="{AF122419-751F-45D6-8AAA-0E2EEBC6E2A8}" type="presParOf" srcId="{30B96953-CDDD-4AF6-A6D7-CD865CF2E908}" destId="{99EF9FFC-D8BD-4089-9EC0-38B002FCB75C}" srcOrd="0" destOrd="0" presId="urn:microsoft.com/office/officeart/2008/layout/LinedList"/>
    <dgm:cxn modelId="{FC93D486-B13E-4C10-B44B-07E53BF56A1F}" type="presParOf" srcId="{30B96953-CDDD-4AF6-A6D7-CD865CF2E908}" destId="{D3E09F5D-26CB-4612-B76E-EACE7A363549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154C7C3-9DBE-4608-9D5A-A752ED5E5B48}" type="doc">
      <dgm:prSet loTypeId="urn:microsoft.com/office/officeart/2016/7/layout/LinearArrowProcessNumbered" loCatId="process" qsTypeId="urn:microsoft.com/office/officeart/2005/8/quickstyle/simple1" qsCatId="simple" csTypeId="urn:microsoft.com/office/officeart/2005/8/colors/ColorSchemeForSuggestions" csCatId="other" phldr="1"/>
      <dgm:spPr/>
      <dgm:t>
        <a:bodyPr/>
        <a:lstStyle/>
        <a:p>
          <a:endParaRPr lang="en-US"/>
        </a:p>
      </dgm:t>
    </dgm:pt>
    <dgm:pt modelId="{334DEDB8-E91A-44AD-98FC-34813D09466D}">
      <dgm:prSet custT="1"/>
      <dgm:spPr>
        <a:solidFill>
          <a:schemeClr val="accent1">
            <a:lumMod val="20000"/>
            <a:lumOff val="80000"/>
            <a:alpha val="90000"/>
          </a:schemeClr>
        </a:solidFill>
      </dgm:spPr>
      <dgm:t>
        <a:bodyPr/>
        <a:lstStyle/>
        <a:p>
          <a:r>
            <a:rPr lang="en-US" sz="1600" b="1" dirty="0"/>
            <a:t>Prepare sales cycle for different buckets of clients</a:t>
          </a:r>
        </a:p>
      </dgm:t>
    </dgm:pt>
    <dgm:pt modelId="{90E2D9FE-11FB-4DD3-BCD5-193073BF96F7}" type="parTrans" cxnId="{4F1EBC22-20BB-4C36-BE83-35C9B438FDA2}">
      <dgm:prSet/>
      <dgm:spPr/>
      <dgm:t>
        <a:bodyPr/>
        <a:lstStyle/>
        <a:p>
          <a:endParaRPr lang="en-US"/>
        </a:p>
      </dgm:t>
    </dgm:pt>
    <dgm:pt modelId="{57527AF3-D3EC-4638-9454-CC9CFFAC40C5}" type="sibTrans" cxnId="{4F1EBC22-20BB-4C36-BE83-35C9B438FDA2}">
      <dgm:prSet phldrT="1" phldr="0"/>
      <dgm:spPr/>
      <dgm:t>
        <a:bodyPr/>
        <a:lstStyle/>
        <a:p>
          <a:r>
            <a:rPr lang="en-US"/>
            <a:t>1</a:t>
          </a:r>
        </a:p>
      </dgm:t>
    </dgm:pt>
    <dgm:pt modelId="{F1701F92-C8CE-4D02-9AA7-1B505D184EB4}">
      <dgm:prSet custT="1"/>
      <dgm:spPr>
        <a:solidFill>
          <a:schemeClr val="accent1">
            <a:lumMod val="20000"/>
            <a:lumOff val="80000"/>
            <a:alpha val="90000"/>
          </a:schemeClr>
        </a:solidFill>
      </dgm:spPr>
      <dgm:t>
        <a:bodyPr/>
        <a:lstStyle/>
        <a:p>
          <a:r>
            <a:rPr lang="en-US" sz="1600" b="1" dirty="0"/>
            <a:t>Marketing plan</a:t>
          </a:r>
        </a:p>
      </dgm:t>
    </dgm:pt>
    <dgm:pt modelId="{B867C57A-6EDD-48AB-9CB9-A1417E34C441}" type="parTrans" cxnId="{62CE70AB-6B65-45AB-8306-A8825B344181}">
      <dgm:prSet/>
      <dgm:spPr/>
      <dgm:t>
        <a:bodyPr/>
        <a:lstStyle/>
        <a:p>
          <a:endParaRPr lang="en-US"/>
        </a:p>
      </dgm:t>
    </dgm:pt>
    <dgm:pt modelId="{14F9924D-9777-476F-A08E-45ACACCCA672}" type="sibTrans" cxnId="{62CE70AB-6B65-45AB-8306-A8825B344181}">
      <dgm:prSet phldrT="2" phldr="0"/>
      <dgm:spPr/>
      <dgm:t>
        <a:bodyPr/>
        <a:lstStyle/>
        <a:p>
          <a:r>
            <a:rPr lang="en-US"/>
            <a:t>2</a:t>
          </a:r>
        </a:p>
      </dgm:t>
    </dgm:pt>
    <dgm:pt modelId="{F3C287BD-74EF-44B5-B591-029A27280198}">
      <dgm:prSet custT="1"/>
      <dgm:spPr/>
      <dgm:t>
        <a:bodyPr/>
        <a:lstStyle/>
        <a:p>
          <a:r>
            <a:rPr lang="en-US" sz="1600" b="1" dirty="0"/>
            <a:t>Risk Mitigation</a:t>
          </a:r>
        </a:p>
      </dgm:t>
    </dgm:pt>
    <dgm:pt modelId="{B700B2B5-CDC9-4A7F-8DEA-92D3A32AACFD}" type="parTrans" cxnId="{5E028132-E42E-4DA1-A1CE-204AA9E48C6D}">
      <dgm:prSet/>
      <dgm:spPr/>
      <dgm:t>
        <a:bodyPr/>
        <a:lstStyle/>
        <a:p>
          <a:endParaRPr lang="en-US"/>
        </a:p>
      </dgm:t>
    </dgm:pt>
    <dgm:pt modelId="{37F2360D-A1C2-4E47-ADCA-E373963A1A08}" type="sibTrans" cxnId="{5E028132-E42E-4DA1-A1CE-204AA9E48C6D}">
      <dgm:prSet phldrT="4" phldr="0"/>
      <dgm:spPr/>
      <dgm:t>
        <a:bodyPr/>
        <a:lstStyle/>
        <a:p>
          <a:r>
            <a:rPr lang="en-US"/>
            <a:t>4</a:t>
          </a:r>
        </a:p>
      </dgm:t>
    </dgm:pt>
    <dgm:pt modelId="{C8E51DA0-6E56-41B9-B424-9C0FD4C8D367}">
      <dgm:prSet custT="1"/>
      <dgm:spPr>
        <a:solidFill>
          <a:schemeClr val="accent1">
            <a:lumMod val="20000"/>
            <a:lumOff val="80000"/>
            <a:alpha val="90000"/>
          </a:schemeClr>
        </a:solidFill>
      </dgm:spPr>
      <dgm:t>
        <a:bodyPr/>
        <a:lstStyle/>
        <a:p>
          <a:r>
            <a:rPr lang="en-US" sz="1600" b="1" dirty="0"/>
            <a:t>Increase revenue</a:t>
          </a:r>
        </a:p>
      </dgm:t>
    </dgm:pt>
    <dgm:pt modelId="{1C9FC70F-077A-4368-9D80-809BE8736B99}" type="parTrans" cxnId="{D518E100-7811-462E-8A85-751DCC6E6785}">
      <dgm:prSet/>
      <dgm:spPr/>
      <dgm:t>
        <a:bodyPr/>
        <a:lstStyle/>
        <a:p>
          <a:endParaRPr lang="en-US"/>
        </a:p>
      </dgm:t>
    </dgm:pt>
    <dgm:pt modelId="{EE5E13CF-6DF2-4DB0-A84F-3C531A4D3DE0}" type="sibTrans" cxnId="{D518E100-7811-462E-8A85-751DCC6E6785}">
      <dgm:prSet phldrT="5" phldr="0"/>
      <dgm:spPr/>
      <dgm:t>
        <a:bodyPr/>
        <a:lstStyle/>
        <a:p>
          <a:r>
            <a:rPr lang="en-US"/>
            <a:t>5</a:t>
          </a:r>
        </a:p>
      </dgm:t>
    </dgm:pt>
    <dgm:pt modelId="{9C481D23-0DFB-45C3-9845-F4B381B43ACA}">
      <dgm:prSet custT="1"/>
      <dgm:spPr>
        <a:solidFill>
          <a:schemeClr val="accent1">
            <a:lumMod val="20000"/>
            <a:lumOff val="80000"/>
          </a:schemeClr>
        </a:solidFill>
      </dgm:spPr>
      <dgm:t>
        <a:bodyPr/>
        <a:lstStyle/>
        <a:p>
          <a:r>
            <a:rPr lang="en-US" sz="1600" b="1" dirty="0"/>
            <a:t>Tips for Real estate brokerages/ agents</a:t>
          </a:r>
        </a:p>
      </dgm:t>
    </dgm:pt>
    <dgm:pt modelId="{8AFA388B-E567-41D7-98B3-5C9B8088BB7D}" type="parTrans" cxnId="{84A84171-021D-495B-BE51-7B6A531BA251}">
      <dgm:prSet/>
      <dgm:spPr/>
      <dgm:t>
        <a:bodyPr/>
        <a:lstStyle/>
        <a:p>
          <a:endParaRPr lang="en-US"/>
        </a:p>
      </dgm:t>
    </dgm:pt>
    <dgm:pt modelId="{4269623C-D3B2-43B2-9600-2CBD02DA3C51}" type="sibTrans" cxnId="{84A84171-021D-495B-BE51-7B6A531BA251}">
      <dgm:prSet phldrT="6" phldr="0"/>
      <dgm:spPr>
        <a:solidFill>
          <a:schemeClr val="accent1"/>
        </a:solidFill>
        <a:ln>
          <a:solidFill>
            <a:schemeClr val="accent1"/>
          </a:solidFill>
        </a:ln>
      </dgm:spPr>
      <dgm:t>
        <a:bodyPr/>
        <a:lstStyle/>
        <a:p>
          <a:r>
            <a:rPr lang="en-US" dirty="0"/>
            <a:t>6</a:t>
          </a:r>
        </a:p>
      </dgm:t>
    </dgm:pt>
    <dgm:pt modelId="{DEF7658D-65C8-42AB-B9B3-5E9F2C65B951}">
      <dgm:prSet custT="1"/>
      <dgm:spPr/>
      <dgm:t>
        <a:bodyPr/>
        <a:lstStyle/>
        <a:p>
          <a:r>
            <a:rPr lang="en-US" sz="1600" b="1" dirty="0"/>
            <a:t>Specific dialogue and timeline for closing sales</a:t>
          </a:r>
        </a:p>
      </dgm:t>
    </dgm:pt>
    <dgm:pt modelId="{6B1515A2-5EE3-4B0B-94B0-B8D1065DC6DD}" type="sibTrans" cxnId="{42E7C51A-7B09-4B83-91CA-CA0E99F647BD}">
      <dgm:prSet phldrT="3" phldr="0"/>
      <dgm:spPr/>
      <dgm:t>
        <a:bodyPr/>
        <a:lstStyle/>
        <a:p>
          <a:r>
            <a:rPr lang="en-US"/>
            <a:t>3</a:t>
          </a:r>
        </a:p>
      </dgm:t>
    </dgm:pt>
    <dgm:pt modelId="{95513826-9059-4315-A2E7-0A7065411A04}" type="parTrans" cxnId="{42E7C51A-7B09-4B83-91CA-CA0E99F647BD}">
      <dgm:prSet/>
      <dgm:spPr/>
      <dgm:t>
        <a:bodyPr/>
        <a:lstStyle/>
        <a:p>
          <a:endParaRPr lang="en-US"/>
        </a:p>
      </dgm:t>
    </dgm:pt>
    <dgm:pt modelId="{27A1D844-9DD6-4A43-A896-D97CDD101A9E}" type="pres">
      <dgm:prSet presAssocID="{7154C7C3-9DBE-4608-9D5A-A752ED5E5B48}" presName="linearFlow" presStyleCnt="0">
        <dgm:presLayoutVars>
          <dgm:dir/>
          <dgm:animLvl val="lvl"/>
          <dgm:resizeHandles val="exact"/>
        </dgm:presLayoutVars>
      </dgm:prSet>
      <dgm:spPr/>
    </dgm:pt>
    <dgm:pt modelId="{E99CB037-7D66-44B3-8217-543AC7F002AF}" type="pres">
      <dgm:prSet presAssocID="{334DEDB8-E91A-44AD-98FC-34813D09466D}" presName="compositeNode" presStyleCnt="0"/>
      <dgm:spPr/>
    </dgm:pt>
    <dgm:pt modelId="{9C998A86-C22B-4CA8-B831-E13A0B4DE09E}" type="pres">
      <dgm:prSet presAssocID="{334DEDB8-E91A-44AD-98FC-34813D09466D}" presName="parTx" presStyleLbl="node1" presStyleIdx="0" presStyleCnt="0">
        <dgm:presLayoutVars>
          <dgm:chMax val="0"/>
          <dgm:chPref val="0"/>
          <dgm:bulletEnabled val="1"/>
        </dgm:presLayoutVars>
      </dgm:prSet>
      <dgm:spPr/>
    </dgm:pt>
    <dgm:pt modelId="{10854C19-4793-4171-8634-477DE1A3C9CA}" type="pres">
      <dgm:prSet presAssocID="{334DEDB8-E91A-44AD-98FC-34813D09466D}" presName="parSh" presStyleCnt="0"/>
      <dgm:spPr/>
    </dgm:pt>
    <dgm:pt modelId="{D12429C0-7DC9-4751-B236-E10C1C6DE20F}" type="pres">
      <dgm:prSet presAssocID="{334DEDB8-E91A-44AD-98FC-34813D09466D}" presName="lineNode" presStyleLbl="alignAccFollowNode1" presStyleIdx="0" presStyleCnt="18"/>
      <dgm:spPr/>
    </dgm:pt>
    <dgm:pt modelId="{6E591EA2-0EB2-436B-B24E-5A163647F3F6}" type="pres">
      <dgm:prSet presAssocID="{334DEDB8-E91A-44AD-98FC-34813D09466D}" presName="lineArrowNode" presStyleLbl="alignAccFollowNode1" presStyleIdx="1" presStyleCnt="18"/>
      <dgm:spPr/>
    </dgm:pt>
    <dgm:pt modelId="{3D050D03-8E1C-4E3D-914C-BEFFB348A4C3}" type="pres">
      <dgm:prSet presAssocID="{57527AF3-D3EC-4638-9454-CC9CFFAC40C5}" presName="sibTransNodeCircle" presStyleLbl="alignNode1" presStyleIdx="0" presStyleCnt="6">
        <dgm:presLayoutVars>
          <dgm:chMax val="0"/>
          <dgm:bulletEnabled/>
        </dgm:presLayoutVars>
      </dgm:prSet>
      <dgm:spPr/>
    </dgm:pt>
    <dgm:pt modelId="{3A1EEFD6-C7FB-416B-A19B-7A220CB3747B}" type="pres">
      <dgm:prSet presAssocID="{57527AF3-D3EC-4638-9454-CC9CFFAC40C5}" presName="spacerBetweenCircleAndCallout" presStyleCnt="0">
        <dgm:presLayoutVars/>
      </dgm:prSet>
      <dgm:spPr/>
    </dgm:pt>
    <dgm:pt modelId="{C878AE8B-A25E-45CF-A3FD-ACA7F3406E10}" type="pres">
      <dgm:prSet presAssocID="{334DEDB8-E91A-44AD-98FC-34813D09466D}" presName="nodeText" presStyleLbl="alignAccFollowNode1" presStyleIdx="2" presStyleCnt="18">
        <dgm:presLayoutVars>
          <dgm:bulletEnabled val="1"/>
        </dgm:presLayoutVars>
      </dgm:prSet>
      <dgm:spPr/>
    </dgm:pt>
    <dgm:pt modelId="{6AC4ADFD-5CE5-4AC6-A839-A8C784877498}" type="pres">
      <dgm:prSet presAssocID="{57527AF3-D3EC-4638-9454-CC9CFFAC40C5}" presName="sibTransComposite" presStyleCnt="0"/>
      <dgm:spPr/>
    </dgm:pt>
    <dgm:pt modelId="{FDE55C39-7B59-410F-BCFE-88E20D36828C}" type="pres">
      <dgm:prSet presAssocID="{F1701F92-C8CE-4D02-9AA7-1B505D184EB4}" presName="compositeNode" presStyleCnt="0"/>
      <dgm:spPr/>
    </dgm:pt>
    <dgm:pt modelId="{FB61B441-B7FC-44E0-8661-4F9347C19A9B}" type="pres">
      <dgm:prSet presAssocID="{F1701F92-C8CE-4D02-9AA7-1B505D184EB4}" presName="parTx" presStyleLbl="node1" presStyleIdx="0" presStyleCnt="0">
        <dgm:presLayoutVars>
          <dgm:chMax val="0"/>
          <dgm:chPref val="0"/>
          <dgm:bulletEnabled val="1"/>
        </dgm:presLayoutVars>
      </dgm:prSet>
      <dgm:spPr/>
    </dgm:pt>
    <dgm:pt modelId="{691BF54A-BA65-4157-864F-BD76BBB705AC}" type="pres">
      <dgm:prSet presAssocID="{F1701F92-C8CE-4D02-9AA7-1B505D184EB4}" presName="parSh" presStyleCnt="0"/>
      <dgm:spPr/>
    </dgm:pt>
    <dgm:pt modelId="{5847F7FA-9480-4032-B3BB-29971CF222AD}" type="pres">
      <dgm:prSet presAssocID="{F1701F92-C8CE-4D02-9AA7-1B505D184EB4}" presName="lineNode" presStyleLbl="alignAccFollowNode1" presStyleIdx="3" presStyleCnt="18"/>
      <dgm:spPr/>
    </dgm:pt>
    <dgm:pt modelId="{724D0C6F-AC62-4EF7-B04F-420528DB2805}" type="pres">
      <dgm:prSet presAssocID="{F1701F92-C8CE-4D02-9AA7-1B505D184EB4}" presName="lineArrowNode" presStyleLbl="alignAccFollowNode1" presStyleIdx="4" presStyleCnt="18"/>
      <dgm:spPr/>
    </dgm:pt>
    <dgm:pt modelId="{146B3791-BFC9-4065-9DCD-35EF9D6B5034}" type="pres">
      <dgm:prSet presAssocID="{14F9924D-9777-476F-A08E-45ACACCCA672}" presName="sibTransNodeCircle" presStyleLbl="alignNode1" presStyleIdx="1" presStyleCnt="6">
        <dgm:presLayoutVars>
          <dgm:chMax val="0"/>
          <dgm:bulletEnabled/>
        </dgm:presLayoutVars>
      </dgm:prSet>
      <dgm:spPr/>
    </dgm:pt>
    <dgm:pt modelId="{973387DF-B13C-46B2-825E-B1A2A49E74B7}" type="pres">
      <dgm:prSet presAssocID="{14F9924D-9777-476F-A08E-45ACACCCA672}" presName="spacerBetweenCircleAndCallout" presStyleCnt="0">
        <dgm:presLayoutVars/>
      </dgm:prSet>
      <dgm:spPr/>
    </dgm:pt>
    <dgm:pt modelId="{DF72EB61-8D75-464C-8D05-96DC9EE0A273}" type="pres">
      <dgm:prSet presAssocID="{F1701F92-C8CE-4D02-9AA7-1B505D184EB4}" presName="nodeText" presStyleLbl="alignAccFollowNode1" presStyleIdx="5" presStyleCnt="18">
        <dgm:presLayoutVars>
          <dgm:bulletEnabled val="1"/>
        </dgm:presLayoutVars>
      </dgm:prSet>
      <dgm:spPr/>
    </dgm:pt>
    <dgm:pt modelId="{0FAAE3BD-7D2A-45D5-BC93-E60D24C43D50}" type="pres">
      <dgm:prSet presAssocID="{14F9924D-9777-476F-A08E-45ACACCCA672}" presName="sibTransComposite" presStyleCnt="0"/>
      <dgm:spPr/>
    </dgm:pt>
    <dgm:pt modelId="{EFB22B32-2196-4B29-BB67-BCF3E996D217}" type="pres">
      <dgm:prSet presAssocID="{DEF7658D-65C8-42AB-B9B3-5E9F2C65B951}" presName="compositeNode" presStyleCnt="0"/>
      <dgm:spPr/>
    </dgm:pt>
    <dgm:pt modelId="{1E2E9ED7-5D48-497A-B219-230073F7ACC8}" type="pres">
      <dgm:prSet presAssocID="{DEF7658D-65C8-42AB-B9B3-5E9F2C65B951}" presName="parTx" presStyleLbl="node1" presStyleIdx="0" presStyleCnt="0">
        <dgm:presLayoutVars>
          <dgm:chMax val="0"/>
          <dgm:chPref val="0"/>
          <dgm:bulletEnabled val="1"/>
        </dgm:presLayoutVars>
      </dgm:prSet>
      <dgm:spPr/>
    </dgm:pt>
    <dgm:pt modelId="{EE38C557-7A95-4460-855B-97F9488863D2}" type="pres">
      <dgm:prSet presAssocID="{DEF7658D-65C8-42AB-B9B3-5E9F2C65B951}" presName="parSh" presStyleCnt="0"/>
      <dgm:spPr/>
    </dgm:pt>
    <dgm:pt modelId="{17DB3C1F-1DA8-467B-980F-E1328731CFC4}" type="pres">
      <dgm:prSet presAssocID="{DEF7658D-65C8-42AB-B9B3-5E9F2C65B951}" presName="lineNode" presStyleLbl="alignAccFollowNode1" presStyleIdx="6" presStyleCnt="18"/>
      <dgm:spPr/>
    </dgm:pt>
    <dgm:pt modelId="{98BF2EF1-D049-43EC-9603-3D3947A2E3BD}" type="pres">
      <dgm:prSet presAssocID="{DEF7658D-65C8-42AB-B9B3-5E9F2C65B951}" presName="lineArrowNode" presStyleLbl="alignAccFollowNode1" presStyleIdx="7" presStyleCnt="18"/>
      <dgm:spPr/>
    </dgm:pt>
    <dgm:pt modelId="{591E3362-0291-4942-8B86-9686C407121A}" type="pres">
      <dgm:prSet presAssocID="{6B1515A2-5EE3-4B0B-94B0-B8D1065DC6DD}" presName="sibTransNodeCircle" presStyleLbl="alignNode1" presStyleIdx="2" presStyleCnt="6">
        <dgm:presLayoutVars>
          <dgm:chMax val="0"/>
          <dgm:bulletEnabled/>
        </dgm:presLayoutVars>
      </dgm:prSet>
      <dgm:spPr/>
    </dgm:pt>
    <dgm:pt modelId="{9653C14A-CED0-46DE-8B41-996D58DE9258}" type="pres">
      <dgm:prSet presAssocID="{6B1515A2-5EE3-4B0B-94B0-B8D1065DC6DD}" presName="spacerBetweenCircleAndCallout" presStyleCnt="0">
        <dgm:presLayoutVars/>
      </dgm:prSet>
      <dgm:spPr/>
    </dgm:pt>
    <dgm:pt modelId="{D2D7984B-3B70-44B1-BC92-E2BE078848A2}" type="pres">
      <dgm:prSet presAssocID="{DEF7658D-65C8-42AB-B9B3-5E9F2C65B951}" presName="nodeText" presStyleLbl="alignAccFollowNode1" presStyleIdx="8" presStyleCnt="18">
        <dgm:presLayoutVars>
          <dgm:bulletEnabled val="1"/>
        </dgm:presLayoutVars>
      </dgm:prSet>
      <dgm:spPr/>
    </dgm:pt>
    <dgm:pt modelId="{5AFF098F-F7C1-4DBB-A62C-0D879F32BF2B}" type="pres">
      <dgm:prSet presAssocID="{6B1515A2-5EE3-4B0B-94B0-B8D1065DC6DD}" presName="sibTransComposite" presStyleCnt="0"/>
      <dgm:spPr/>
    </dgm:pt>
    <dgm:pt modelId="{8E975E0D-D80B-44CB-88DC-3A9E28AD23C6}" type="pres">
      <dgm:prSet presAssocID="{F3C287BD-74EF-44B5-B591-029A27280198}" presName="compositeNode" presStyleCnt="0"/>
      <dgm:spPr/>
    </dgm:pt>
    <dgm:pt modelId="{36055AED-F2C6-472C-A536-060CCB5D5904}" type="pres">
      <dgm:prSet presAssocID="{F3C287BD-74EF-44B5-B591-029A27280198}" presName="parTx" presStyleLbl="node1" presStyleIdx="0" presStyleCnt="0">
        <dgm:presLayoutVars>
          <dgm:chMax val="0"/>
          <dgm:chPref val="0"/>
          <dgm:bulletEnabled val="1"/>
        </dgm:presLayoutVars>
      </dgm:prSet>
      <dgm:spPr/>
    </dgm:pt>
    <dgm:pt modelId="{7DB1768B-F756-4AAC-BA13-DD0A15CDB6A8}" type="pres">
      <dgm:prSet presAssocID="{F3C287BD-74EF-44B5-B591-029A27280198}" presName="parSh" presStyleCnt="0"/>
      <dgm:spPr/>
    </dgm:pt>
    <dgm:pt modelId="{90A756CA-1D5E-4F3A-8AC2-6532E8B74673}" type="pres">
      <dgm:prSet presAssocID="{F3C287BD-74EF-44B5-B591-029A27280198}" presName="lineNode" presStyleLbl="alignAccFollowNode1" presStyleIdx="9" presStyleCnt="18"/>
      <dgm:spPr/>
    </dgm:pt>
    <dgm:pt modelId="{A47DD67D-8862-4A9D-9D0F-0A2C7C78AF16}" type="pres">
      <dgm:prSet presAssocID="{F3C287BD-74EF-44B5-B591-029A27280198}" presName="lineArrowNode" presStyleLbl="alignAccFollowNode1" presStyleIdx="10" presStyleCnt="18"/>
      <dgm:spPr/>
    </dgm:pt>
    <dgm:pt modelId="{9E8F78EB-AFC1-4AD3-B395-4B3832976734}" type="pres">
      <dgm:prSet presAssocID="{37F2360D-A1C2-4E47-ADCA-E373963A1A08}" presName="sibTransNodeCircle" presStyleLbl="alignNode1" presStyleIdx="3" presStyleCnt="6">
        <dgm:presLayoutVars>
          <dgm:chMax val="0"/>
          <dgm:bulletEnabled/>
        </dgm:presLayoutVars>
      </dgm:prSet>
      <dgm:spPr/>
    </dgm:pt>
    <dgm:pt modelId="{C61C276A-53A8-4CDC-95A2-44E876E4FDDC}" type="pres">
      <dgm:prSet presAssocID="{37F2360D-A1C2-4E47-ADCA-E373963A1A08}" presName="spacerBetweenCircleAndCallout" presStyleCnt="0">
        <dgm:presLayoutVars/>
      </dgm:prSet>
      <dgm:spPr/>
    </dgm:pt>
    <dgm:pt modelId="{3C81183D-7188-4AA2-B4DC-354FAB50CDF3}" type="pres">
      <dgm:prSet presAssocID="{F3C287BD-74EF-44B5-B591-029A27280198}" presName="nodeText" presStyleLbl="alignAccFollowNode1" presStyleIdx="11" presStyleCnt="18">
        <dgm:presLayoutVars>
          <dgm:bulletEnabled val="1"/>
        </dgm:presLayoutVars>
      </dgm:prSet>
      <dgm:spPr/>
    </dgm:pt>
    <dgm:pt modelId="{B563B6EA-4B81-4CF0-A620-F457A82B51CC}" type="pres">
      <dgm:prSet presAssocID="{37F2360D-A1C2-4E47-ADCA-E373963A1A08}" presName="sibTransComposite" presStyleCnt="0"/>
      <dgm:spPr/>
    </dgm:pt>
    <dgm:pt modelId="{57861C59-98E6-428F-B35A-FBA1338540E5}" type="pres">
      <dgm:prSet presAssocID="{C8E51DA0-6E56-41B9-B424-9C0FD4C8D367}" presName="compositeNode" presStyleCnt="0"/>
      <dgm:spPr/>
    </dgm:pt>
    <dgm:pt modelId="{04BEEF2A-F63F-4B2D-8D6F-4081B3BBD7F7}" type="pres">
      <dgm:prSet presAssocID="{C8E51DA0-6E56-41B9-B424-9C0FD4C8D367}" presName="parTx" presStyleLbl="node1" presStyleIdx="0" presStyleCnt="0">
        <dgm:presLayoutVars>
          <dgm:chMax val="0"/>
          <dgm:chPref val="0"/>
          <dgm:bulletEnabled val="1"/>
        </dgm:presLayoutVars>
      </dgm:prSet>
      <dgm:spPr/>
    </dgm:pt>
    <dgm:pt modelId="{BAA2341D-0B59-430A-A72F-C9F6B744FDBB}" type="pres">
      <dgm:prSet presAssocID="{C8E51DA0-6E56-41B9-B424-9C0FD4C8D367}" presName="parSh" presStyleCnt="0"/>
      <dgm:spPr/>
    </dgm:pt>
    <dgm:pt modelId="{C5966DED-FE64-4FE9-898B-DDB27B1F0750}" type="pres">
      <dgm:prSet presAssocID="{C8E51DA0-6E56-41B9-B424-9C0FD4C8D367}" presName="lineNode" presStyleLbl="alignAccFollowNode1" presStyleIdx="12" presStyleCnt="18"/>
      <dgm:spPr/>
    </dgm:pt>
    <dgm:pt modelId="{F1DD256D-9202-494D-AB16-171D3FD13BDA}" type="pres">
      <dgm:prSet presAssocID="{C8E51DA0-6E56-41B9-B424-9C0FD4C8D367}" presName="lineArrowNode" presStyleLbl="alignAccFollowNode1" presStyleIdx="13" presStyleCnt="18"/>
      <dgm:spPr/>
    </dgm:pt>
    <dgm:pt modelId="{5C33CC62-5B82-4413-A826-E5863FD33F6D}" type="pres">
      <dgm:prSet presAssocID="{EE5E13CF-6DF2-4DB0-A84F-3C531A4D3DE0}" presName="sibTransNodeCircle" presStyleLbl="alignNode1" presStyleIdx="4" presStyleCnt="6">
        <dgm:presLayoutVars>
          <dgm:chMax val="0"/>
          <dgm:bulletEnabled/>
        </dgm:presLayoutVars>
      </dgm:prSet>
      <dgm:spPr/>
    </dgm:pt>
    <dgm:pt modelId="{9990EAFC-2D87-483A-8DF3-B68A9FBDCC06}" type="pres">
      <dgm:prSet presAssocID="{EE5E13CF-6DF2-4DB0-A84F-3C531A4D3DE0}" presName="spacerBetweenCircleAndCallout" presStyleCnt="0">
        <dgm:presLayoutVars/>
      </dgm:prSet>
      <dgm:spPr/>
    </dgm:pt>
    <dgm:pt modelId="{88B39826-75BC-41BC-824E-57D16BF7916B}" type="pres">
      <dgm:prSet presAssocID="{C8E51DA0-6E56-41B9-B424-9C0FD4C8D367}" presName="nodeText" presStyleLbl="alignAccFollowNode1" presStyleIdx="14" presStyleCnt="18">
        <dgm:presLayoutVars>
          <dgm:bulletEnabled val="1"/>
        </dgm:presLayoutVars>
      </dgm:prSet>
      <dgm:spPr/>
    </dgm:pt>
    <dgm:pt modelId="{1D5C9A25-6BB4-4271-838B-71076F4D44C1}" type="pres">
      <dgm:prSet presAssocID="{EE5E13CF-6DF2-4DB0-A84F-3C531A4D3DE0}" presName="sibTransComposite" presStyleCnt="0"/>
      <dgm:spPr/>
    </dgm:pt>
    <dgm:pt modelId="{BC27F4CE-7C9B-4CBE-B52B-FAEEE0C60CAC}" type="pres">
      <dgm:prSet presAssocID="{9C481D23-0DFB-45C3-9845-F4B381B43ACA}" presName="compositeNode" presStyleCnt="0"/>
      <dgm:spPr/>
    </dgm:pt>
    <dgm:pt modelId="{BD55A6E9-FB12-46E9-B839-3A0D3E1393F7}" type="pres">
      <dgm:prSet presAssocID="{9C481D23-0DFB-45C3-9845-F4B381B43ACA}" presName="parTx" presStyleLbl="node1" presStyleIdx="0" presStyleCnt="0">
        <dgm:presLayoutVars>
          <dgm:chMax val="0"/>
          <dgm:chPref val="0"/>
          <dgm:bulletEnabled val="1"/>
        </dgm:presLayoutVars>
      </dgm:prSet>
      <dgm:spPr/>
    </dgm:pt>
    <dgm:pt modelId="{D848FFB4-9594-48D6-9F4A-5659C6B4E3C2}" type="pres">
      <dgm:prSet presAssocID="{9C481D23-0DFB-45C3-9845-F4B381B43ACA}" presName="parSh" presStyleCnt="0"/>
      <dgm:spPr/>
    </dgm:pt>
    <dgm:pt modelId="{626B3856-B889-41A7-AAF8-C5E5BEA66EC1}" type="pres">
      <dgm:prSet presAssocID="{9C481D23-0DFB-45C3-9845-F4B381B43ACA}" presName="lineNode" presStyleLbl="alignAccFollowNode1" presStyleIdx="15" presStyleCnt="18"/>
      <dgm:spPr/>
    </dgm:pt>
    <dgm:pt modelId="{17F61BF5-CC3C-4A3A-94B8-3DB1B32AECD9}" type="pres">
      <dgm:prSet presAssocID="{9C481D23-0DFB-45C3-9845-F4B381B43ACA}" presName="lineArrowNode" presStyleLbl="alignAccFollowNode1" presStyleIdx="16" presStyleCnt="18"/>
      <dgm:spPr/>
    </dgm:pt>
    <dgm:pt modelId="{350CAE83-6AF1-4832-BAE3-20579E9453D4}" type="pres">
      <dgm:prSet presAssocID="{4269623C-D3B2-43B2-9600-2CBD02DA3C51}" presName="sibTransNodeCircle" presStyleLbl="alignNode1" presStyleIdx="5" presStyleCnt="6">
        <dgm:presLayoutVars>
          <dgm:chMax val="0"/>
          <dgm:bulletEnabled/>
        </dgm:presLayoutVars>
      </dgm:prSet>
      <dgm:spPr/>
    </dgm:pt>
    <dgm:pt modelId="{C3BF2E75-CE78-499A-AFC8-8B1C433D2690}" type="pres">
      <dgm:prSet presAssocID="{4269623C-D3B2-43B2-9600-2CBD02DA3C51}" presName="spacerBetweenCircleAndCallout" presStyleCnt="0">
        <dgm:presLayoutVars/>
      </dgm:prSet>
      <dgm:spPr/>
    </dgm:pt>
    <dgm:pt modelId="{1C4C07C2-47AF-4C19-B685-51DC06B93702}" type="pres">
      <dgm:prSet presAssocID="{9C481D23-0DFB-45C3-9845-F4B381B43ACA}" presName="nodeText" presStyleLbl="alignAccFollowNode1" presStyleIdx="17" presStyleCnt="18" custScaleX="116532">
        <dgm:presLayoutVars>
          <dgm:bulletEnabled val="1"/>
        </dgm:presLayoutVars>
      </dgm:prSet>
      <dgm:spPr/>
    </dgm:pt>
  </dgm:ptLst>
  <dgm:cxnLst>
    <dgm:cxn modelId="{D518E100-7811-462E-8A85-751DCC6E6785}" srcId="{7154C7C3-9DBE-4608-9D5A-A752ED5E5B48}" destId="{C8E51DA0-6E56-41B9-B424-9C0FD4C8D367}" srcOrd="4" destOrd="0" parTransId="{1C9FC70F-077A-4368-9D80-809BE8736B99}" sibTransId="{EE5E13CF-6DF2-4DB0-A84F-3C531A4D3DE0}"/>
    <dgm:cxn modelId="{42E7C51A-7B09-4B83-91CA-CA0E99F647BD}" srcId="{7154C7C3-9DBE-4608-9D5A-A752ED5E5B48}" destId="{DEF7658D-65C8-42AB-B9B3-5E9F2C65B951}" srcOrd="2" destOrd="0" parTransId="{95513826-9059-4315-A2E7-0A7065411A04}" sibTransId="{6B1515A2-5EE3-4B0B-94B0-B8D1065DC6DD}"/>
    <dgm:cxn modelId="{4F1EBC22-20BB-4C36-BE83-35C9B438FDA2}" srcId="{7154C7C3-9DBE-4608-9D5A-A752ED5E5B48}" destId="{334DEDB8-E91A-44AD-98FC-34813D09466D}" srcOrd="0" destOrd="0" parTransId="{90E2D9FE-11FB-4DD3-BCD5-193073BF96F7}" sibTransId="{57527AF3-D3EC-4638-9454-CC9CFFAC40C5}"/>
    <dgm:cxn modelId="{5E028132-E42E-4DA1-A1CE-204AA9E48C6D}" srcId="{7154C7C3-9DBE-4608-9D5A-A752ED5E5B48}" destId="{F3C287BD-74EF-44B5-B591-029A27280198}" srcOrd="3" destOrd="0" parTransId="{B700B2B5-CDC9-4A7F-8DEA-92D3A32AACFD}" sibTransId="{37F2360D-A1C2-4E47-ADCA-E373963A1A08}"/>
    <dgm:cxn modelId="{92A8DF61-D020-47BC-98C6-CD27395D9295}" type="presOf" srcId="{F1701F92-C8CE-4D02-9AA7-1B505D184EB4}" destId="{DF72EB61-8D75-464C-8D05-96DC9EE0A273}" srcOrd="0" destOrd="0" presId="urn:microsoft.com/office/officeart/2016/7/layout/LinearArrowProcessNumbered"/>
    <dgm:cxn modelId="{193D0966-ADEB-4B33-B836-7819CAEED5F0}" type="presOf" srcId="{DEF7658D-65C8-42AB-B9B3-5E9F2C65B951}" destId="{D2D7984B-3B70-44B1-BC92-E2BE078848A2}" srcOrd="0" destOrd="0" presId="urn:microsoft.com/office/officeart/2016/7/layout/LinearArrowProcessNumbered"/>
    <dgm:cxn modelId="{84A84171-021D-495B-BE51-7B6A531BA251}" srcId="{7154C7C3-9DBE-4608-9D5A-A752ED5E5B48}" destId="{9C481D23-0DFB-45C3-9845-F4B381B43ACA}" srcOrd="5" destOrd="0" parTransId="{8AFA388B-E567-41D7-98B3-5C9B8088BB7D}" sibTransId="{4269623C-D3B2-43B2-9600-2CBD02DA3C51}"/>
    <dgm:cxn modelId="{A9A34874-F22E-4DB6-8D4C-A277449E3568}" type="presOf" srcId="{9C481D23-0DFB-45C3-9845-F4B381B43ACA}" destId="{1C4C07C2-47AF-4C19-B685-51DC06B93702}" srcOrd="0" destOrd="0" presId="urn:microsoft.com/office/officeart/2016/7/layout/LinearArrowProcessNumbered"/>
    <dgm:cxn modelId="{55217B54-91E8-45C5-A613-B2D70421794A}" type="presOf" srcId="{7154C7C3-9DBE-4608-9D5A-A752ED5E5B48}" destId="{27A1D844-9DD6-4A43-A896-D97CDD101A9E}" srcOrd="0" destOrd="0" presId="urn:microsoft.com/office/officeart/2016/7/layout/LinearArrowProcessNumbered"/>
    <dgm:cxn modelId="{5F5F757C-A287-452F-A156-3E0671EE45D1}" type="presOf" srcId="{6B1515A2-5EE3-4B0B-94B0-B8D1065DC6DD}" destId="{591E3362-0291-4942-8B86-9686C407121A}" srcOrd="0" destOrd="0" presId="urn:microsoft.com/office/officeart/2016/7/layout/LinearArrowProcessNumbered"/>
    <dgm:cxn modelId="{B4962689-BFE8-4AB4-90DB-AD4407D733AF}" type="presOf" srcId="{57527AF3-D3EC-4638-9454-CC9CFFAC40C5}" destId="{3D050D03-8E1C-4E3D-914C-BEFFB348A4C3}" srcOrd="0" destOrd="0" presId="urn:microsoft.com/office/officeart/2016/7/layout/LinearArrowProcessNumbered"/>
    <dgm:cxn modelId="{36DA0798-E73B-4ED3-A2E9-D39474695B63}" type="presOf" srcId="{14F9924D-9777-476F-A08E-45ACACCCA672}" destId="{146B3791-BFC9-4065-9DCD-35EF9D6B5034}" srcOrd="0" destOrd="0" presId="urn:microsoft.com/office/officeart/2016/7/layout/LinearArrowProcessNumbered"/>
    <dgm:cxn modelId="{EB166299-F0F6-4D2E-85F9-730CA24DD976}" type="presOf" srcId="{F3C287BD-74EF-44B5-B591-029A27280198}" destId="{3C81183D-7188-4AA2-B4DC-354FAB50CDF3}" srcOrd="0" destOrd="0" presId="urn:microsoft.com/office/officeart/2016/7/layout/LinearArrowProcessNumbered"/>
    <dgm:cxn modelId="{62CE70AB-6B65-45AB-8306-A8825B344181}" srcId="{7154C7C3-9DBE-4608-9D5A-A752ED5E5B48}" destId="{F1701F92-C8CE-4D02-9AA7-1B505D184EB4}" srcOrd="1" destOrd="0" parTransId="{B867C57A-6EDD-48AB-9CB9-A1417E34C441}" sibTransId="{14F9924D-9777-476F-A08E-45ACACCCA672}"/>
    <dgm:cxn modelId="{586EABDB-6D9D-4F23-BF04-3147FEBA3919}" type="presOf" srcId="{4269623C-D3B2-43B2-9600-2CBD02DA3C51}" destId="{350CAE83-6AF1-4832-BAE3-20579E9453D4}" srcOrd="0" destOrd="0" presId="urn:microsoft.com/office/officeart/2016/7/layout/LinearArrowProcessNumbered"/>
    <dgm:cxn modelId="{7B2CD6E3-645F-438B-8302-10A32024FDE2}" type="presOf" srcId="{334DEDB8-E91A-44AD-98FC-34813D09466D}" destId="{C878AE8B-A25E-45CF-A3FD-ACA7F3406E10}" srcOrd="0" destOrd="0" presId="urn:microsoft.com/office/officeart/2016/7/layout/LinearArrowProcessNumbered"/>
    <dgm:cxn modelId="{BFE0A0E4-209C-4193-9037-9E87AAFEF985}" type="presOf" srcId="{C8E51DA0-6E56-41B9-B424-9C0FD4C8D367}" destId="{88B39826-75BC-41BC-824E-57D16BF7916B}" srcOrd="0" destOrd="0" presId="urn:microsoft.com/office/officeart/2016/7/layout/LinearArrowProcessNumbered"/>
    <dgm:cxn modelId="{C74383E8-C47A-459E-A0DD-40B66E46D66A}" type="presOf" srcId="{EE5E13CF-6DF2-4DB0-A84F-3C531A4D3DE0}" destId="{5C33CC62-5B82-4413-A826-E5863FD33F6D}" srcOrd="0" destOrd="0" presId="urn:microsoft.com/office/officeart/2016/7/layout/LinearArrowProcessNumbered"/>
    <dgm:cxn modelId="{096DDDED-A0C3-45D7-B9BE-099735884261}" type="presOf" srcId="{37F2360D-A1C2-4E47-ADCA-E373963A1A08}" destId="{9E8F78EB-AFC1-4AD3-B395-4B3832976734}" srcOrd="0" destOrd="0" presId="urn:microsoft.com/office/officeart/2016/7/layout/LinearArrowProcessNumbered"/>
    <dgm:cxn modelId="{2E2303C0-34AC-494E-9CA4-6B876F4F0639}" type="presParOf" srcId="{27A1D844-9DD6-4A43-A896-D97CDD101A9E}" destId="{E99CB037-7D66-44B3-8217-543AC7F002AF}" srcOrd="0" destOrd="0" presId="urn:microsoft.com/office/officeart/2016/7/layout/LinearArrowProcessNumbered"/>
    <dgm:cxn modelId="{0E9611BF-4590-407E-8625-EE0A9442767B}" type="presParOf" srcId="{E99CB037-7D66-44B3-8217-543AC7F002AF}" destId="{9C998A86-C22B-4CA8-B831-E13A0B4DE09E}" srcOrd="0" destOrd="0" presId="urn:microsoft.com/office/officeart/2016/7/layout/LinearArrowProcessNumbered"/>
    <dgm:cxn modelId="{B2C4C7B2-C24B-4616-8B1A-3527811AD776}" type="presParOf" srcId="{E99CB037-7D66-44B3-8217-543AC7F002AF}" destId="{10854C19-4793-4171-8634-477DE1A3C9CA}" srcOrd="1" destOrd="0" presId="urn:microsoft.com/office/officeart/2016/7/layout/LinearArrowProcessNumbered"/>
    <dgm:cxn modelId="{D8AC715A-8457-450F-9A99-B61AF8E2DCA3}" type="presParOf" srcId="{10854C19-4793-4171-8634-477DE1A3C9CA}" destId="{D12429C0-7DC9-4751-B236-E10C1C6DE20F}" srcOrd="0" destOrd="0" presId="urn:microsoft.com/office/officeart/2016/7/layout/LinearArrowProcessNumbered"/>
    <dgm:cxn modelId="{3432FE09-E9AA-4D45-909F-C8F66B78E6B4}" type="presParOf" srcId="{10854C19-4793-4171-8634-477DE1A3C9CA}" destId="{6E591EA2-0EB2-436B-B24E-5A163647F3F6}" srcOrd="1" destOrd="0" presId="urn:microsoft.com/office/officeart/2016/7/layout/LinearArrowProcessNumbered"/>
    <dgm:cxn modelId="{78E1078A-2F43-4894-B6BA-A1589AB9EB92}" type="presParOf" srcId="{10854C19-4793-4171-8634-477DE1A3C9CA}" destId="{3D050D03-8E1C-4E3D-914C-BEFFB348A4C3}" srcOrd="2" destOrd="0" presId="urn:microsoft.com/office/officeart/2016/7/layout/LinearArrowProcessNumbered"/>
    <dgm:cxn modelId="{4113399C-112E-48A3-AD2A-40A59A4C23EA}" type="presParOf" srcId="{10854C19-4793-4171-8634-477DE1A3C9CA}" destId="{3A1EEFD6-C7FB-416B-A19B-7A220CB3747B}" srcOrd="3" destOrd="0" presId="urn:microsoft.com/office/officeart/2016/7/layout/LinearArrowProcessNumbered"/>
    <dgm:cxn modelId="{452CEFE1-CD74-4293-BED3-871A5874D0C3}" type="presParOf" srcId="{E99CB037-7D66-44B3-8217-543AC7F002AF}" destId="{C878AE8B-A25E-45CF-A3FD-ACA7F3406E10}" srcOrd="2" destOrd="0" presId="urn:microsoft.com/office/officeart/2016/7/layout/LinearArrowProcessNumbered"/>
    <dgm:cxn modelId="{64B5A0CB-398E-4564-BA3D-FF87878F55F3}" type="presParOf" srcId="{27A1D844-9DD6-4A43-A896-D97CDD101A9E}" destId="{6AC4ADFD-5CE5-4AC6-A839-A8C784877498}" srcOrd="1" destOrd="0" presId="urn:microsoft.com/office/officeart/2016/7/layout/LinearArrowProcessNumbered"/>
    <dgm:cxn modelId="{5A1648E1-9707-4EE4-B8F2-9C26FBC1AEFD}" type="presParOf" srcId="{27A1D844-9DD6-4A43-A896-D97CDD101A9E}" destId="{FDE55C39-7B59-410F-BCFE-88E20D36828C}" srcOrd="2" destOrd="0" presId="urn:microsoft.com/office/officeart/2016/7/layout/LinearArrowProcessNumbered"/>
    <dgm:cxn modelId="{D7627D0D-8CE6-4952-898E-1194C2564B61}" type="presParOf" srcId="{FDE55C39-7B59-410F-BCFE-88E20D36828C}" destId="{FB61B441-B7FC-44E0-8661-4F9347C19A9B}" srcOrd="0" destOrd="0" presId="urn:microsoft.com/office/officeart/2016/7/layout/LinearArrowProcessNumbered"/>
    <dgm:cxn modelId="{034CBBE7-450A-4267-80B1-C6022B6CAB31}" type="presParOf" srcId="{FDE55C39-7B59-410F-BCFE-88E20D36828C}" destId="{691BF54A-BA65-4157-864F-BD76BBB705AC}" srcOrd="1" destOrd="0" presId="urn:microsoft.com/office/officeart/2016/7/layout/LinearArrowProcessNumbered"/>
    <dgm:cxn modelId="{5617C668-F737-43C1-A7D6-7B2AD40E2C41}" type="presParOf" srcId="{691BF54A-BA65-4157-864F-BD76BBB705AC}" destId="{5847F7FA-9480-4032-B3BB-29971CF222AD}" srcOrd="0" destOrd="0" presId="urn:microsoft.com/office/officeart/2016/7/layout/LinearArrowProcessNumbered"/>
    <dgm:cxn modelId="{7768E014-DF7F-4C9B-9E47-25718ED2B258}" type="presParOf" srcId="{691BF54A-BA65-4157-864F-BD76BBB705AC}" destId="{724D0C6F-AC62-4EF7-B04F-420528DB2805}" srcOrd="1" destOrd="0" presId="urn:microsoft.com/office/officeart/2016/7/layout/LinearArrowProcessNumbered"/>
    <dgm:cxn modelId="{E1EAE1C9-B143-4B57-8001-A6E263367261}" type="presParOf" srcId="{691BF54A-BA65-4157-864F-BD76BBB705AC}" destId="{146B3791-BFC9-4065-9DCD-35EF9D6B5034}" srcOrd="2" destOrd="0" presId="urn:microsoft.com/office/officeart/2016/7/layout/LinearArrowProcessNumbered"/>
    <dgm:cxn modelId="{BD754DF9-4F88-429E-B886-2FD6E9EC57DB}" type="presParOf" srcId="{691BF54A-BA65-4157-864F-BD76BBB705AC}" destId="{973387DF-B13C-46B2-825E-B1A2A49E74B7}" srcOrd="3" destOrd="0" presId="urn:microsoft.com/office/officeart/2016/7/layout/LinearArrowProcessNumbered"/>
    <dgm:cxn modelId="{67D272A4-0774-4F11-A057-F728C251D9D3}" type="presParOf" srcId="{FDE55C39-7B59-410F-BCFE-88E20D36828C}" destId="{DF72EB61-8D75-464C-8D05-96DC9EE0A273}" srcOrd="2" destOrd="0" presId="urn:microsoft.com/office/officeart/2016/7/layout/LinearArrowProcessNumbered"/>
    <dgm:cxn modelId="{7791B4B2-1237-49D4-91FC-2201B454B2D2}" type="presParOf" srcId="{27A1D844-9DD6-4A43-A896-D97CDD101A9E}" destId="{0FAAE3BD-7D2A-45D5-BC93-E60D24C43D50}" srcOrd="3" destOrd="0" presId="urn:microsoft.com/office/officeart/2016/7/layout/LinearArrowProcessNumbered"/>
    <dgm:cxn modelId="{CEC05BF2-49ED-40DD-9A87-B6A4D07906AA}" type="presParOf" srcId="{27A1D844-9DD6-4A43-A896-D97CDD101A9E}" destId="{EFB22B32-2196-4B29-BB67-BCF3E996D217}" srcOrd="4" destOrd="0" presId="urn:microsoft.com/office/officeart/2016/7/layout/LinearArrowProcessNumbered"/>
    <dgm:cxn modelId="{8CC4DFDA-9A95-431C-AC2B-7A13CF19E790}" type="presParOf" srcId="{EFB22B32-2196-4B29-BB67-BCF3E996D217}" destId="{1E2E9ED7-5D48-497A-B219-230073F7ACC8}" srcOrd="0" destOrd="0" presId="urn:microsoft.com/office/officeart/2016/7/layout/LinearArrowProcessNumbered"/>
    <dgm:cxn modelId="{9402D07A-C5C3-490C-93F4-D1DB79EC8B30}" type="presParOf" srcId="{EFB22B32-2196-4B29-BB67-BCF3E996D217}" destId="{EE38C557-7A95-4460-855B-97F9488863D2}" srcOrd="1" destOrd="0" presId="urn:microsoft.com/office/officeart/2016/7/layout/LinearArrowProcessNumbered"/>
    <dgm:cxn modelId="{F1DA6AF1-EF3C-4382-A75C-E71B93097BC3}" type="presParOf" srcId="{EE38C557-7A95-4460-855B-97F9488863D2}" destId="{17DB3C1F-1DA8-467B-980F-E1328731CFC4}" srcOrd="0" destOrd="0" presId="urn:microsoft.com/office/officeart/2016/7/layout/LinearArrowProcessNumbered"/>
    <dgm:cxn modelId="{B0802F10-8560-4BC1-A0E0-92935CE1DC53}" type="presParOf" srcId="{EE38C557-7A95-4460-855B-97F9488863D2}" destId="{98BF2EF1-D049-43EC-9603-3D3947A2E3BD}" srcOrd="1" destOrd="0" presId="urn:microsoft.com/office/officeart/2016/7/layout/LinearArrowProcessNumbered"/>
    <dgm:cxn modelId="{52CFC82A-312A-49B5-8B2A-3851C2E7B60B}" type="presParOf" srcId="{EE38C557-7A95-4460-855B-97F9488863D2}" destId="{591E3362-0291-4942-8B86-9686C407121A}" srcOrd="2" destOrd="0" presId="urn:microsoft.com/office/officeart/2016/7/layout/LinearArrowProcessNumbered"/>
    <dgm:cxn modelId="{8A96A1CD-7934-4F4E-9F13-A44E46A535D8}" type="presParOf" srcId="{EE38C557-7A95-4460-855B-97F9488863D2}" destId="{9653C14A-CED0-46DE-8B41-996D58DE9258}" srcOrd="3" destOrd="0" presId="urn:microsoft.com/office/officeart/2016/7/layout/LinearArrowProcessNumbered"/>
    <dgm:cxn modelId="{D2A7A4B4-5CDC-4021-B562-4E606204B57F}" type="presParOf" srcId="{EFB22B32-2196-4B29-BB67-BCF3E996D217}" destId="{D2D7984B-3B70-44B1-BC92-E2BE078848A2}" srcOrd="2" destOrd="0" presId="urn:microsoft.com/office/officeart/2016/7/layout/LinearArrowProcessNumbered"/>
    <dgm:cxn modelId="{A1F5056F-EE81-4326-A652-C7D1309B0B63}" type="presParOf" srcId="{27A1D844-9DD6-4A43-A896-D97CDD101A9E}" destId="{5AFF098F-F7C1-4DBB-A62C-0D879F32BF2B}" srcOrd="5" destOrd="0" presId="urn:microsoft.com/office/officeart/2016/7/layout/LinearArrowProcessNumbered"/>
    <dgm:cxn modelId="{CE6C9490-D945-4096-B005-7C8B627A4C1F}" type="presParOf" srcId="{27A1D844-9DD6-4A43-A896-D97CDD101A9E}" destId="{8E975E0D-D80B-44CB-88DC-3A9E28AD23C6}" srcOrd="6" destOrd="0" presId="urn:microsoft.com/office/officeart/2016/7/layout/LinearArrowProcessNumbered"/>
    <dgm:cxn modelId="{05021202-16C2-4C7E-95AB-7B95F4109827}" type="presParOf" srcId="{8E975E0D-D80B-44CB-88DC-3A9E28AD23C6}" destId="{36055AED-F2C6-472C-A536-060CCB5D5904}" srcOrd="0" destOrd="0" presId="urn:microsoft.com/office/officeart/2016/7/layout/LinearArrowProcessNumbered"/>
    <dgm:cxn modelId="{3C40346D-9A8D-410A-A5A9-0CD9F93C517C}" type="presParOf" srcId="{8E975E0D-D80B-44CB-88DC-3A9E28AD23C6}" destId="{7DB1768B-F756-4AAC-BA13-DD0A15CDB6A8}" srcOrd="1" destOrd="0" presId="urn:microsoft.com/office/officeart/2016/7/layout/LinearArrowProcessNumbered"/>
    <dgm:cxn modelId="{776C4BDD-3373-4348-BE7C-57CE771082C1}" type="presParOf" srcId="{7DB1768B-F756-4AAC-BA13-DD0A15CDB6A8}" destId="{90A756CA-1D5E-4F3A-8AC2-6532E8B74673}" srcOrd="0" destOrd="0" presId="urn:microsoft.com/office/officeart/2016/7/layout/LinearArrowProcessNumbered"/>
    <dgm:cxn modelId="{994FD3BD-77FF-48F9-8506-2B78E6421FF1}" type="presParOf" srcId="{7DB1768B-F756-4AAC-BA13-DD0A15CDB6A8}" destId="{A47DD67D-8862-4A9D-9D0F-0A2C7C78AF16}" srcOrd="1" destOrd="0" presId="urn:microsoft.com/office/officeart/2016/7/layout/LinearArrowProcessNumbered"/>
    <dgm:cxn modelId="{0A720E54-7C8F-46CE-9630-6B15A46D9524}" type="presParOf" srcId="{7DB1768B-F756-4AAC-BA13-DD0A15CDB6A8}" destId="{9E8F78EB-AFC1-4AD3-B395-4B3832976734}" srcOrd="2" destOrd="0" presId="urn:microsoft.com/office/officeart/2016/7/layout/LinearArrowProcessNumbered"/>
    <dgm:cxn modelId="{10EA148F-95F2-4946-A537-1450DAECA3DC}" type="presParOf" srcId="{7DB1768B-F756-4AAC-BA13-DD0A15CDB6A8}" destId="{C61C276A-53A8-4CDC-95A2-44E876E4FDDC}" srcOrd="3" destOrd="0" presId="urn:microsoft.com/office/officeart/2016/7/layout/LinearArrowProcessNumbered"/>
    <dgm:cxn modelId="{CB6AE61F-3CCF-43AA-8789-ACE9AAEC8D68}" type="presParOf" srcId="{8E975E0D-D80B-44CB-88DC-3A9E28AD23C6}" destId="{3C81183D-7188-4AA2-B4DC-354FAB50CDF3}" srcOrd="2" destOrd="0" presId="urn:microsoft.com/office/officeart/2016/7/layout/LinearArrowProcessNumbered"/>
    <dgm:cxn modelId="{C553E07D-102E-4FF4-9578-972522E7C1C5}" type="presParOf" srcId="{27A1D844-9DD6-4A43-A896-D97CDD101A9E}" destId="{B563B6EA-4B81-4CF0-A620-F457A82B51CC}" srcOrd="7" destOrd="0" presId="urn:microsoft.com/office/officeart/2016/7/layout/LinearArrowProcessNumbered"/>
    <dgm:cxn modelId="{62B76785-C561-4CAF-9971-213DB0860D96}" type="presParOf" srcId="{27A1D844-9DD6-4A43-A896-D97CDD101A9E}" destId="{57861C59-98E6-428F-B35A-FBA1338540E5}" srcOrd="8" destOrd="0" presId="urn:microsoft.com/office/officeart/2016/7/layout/LinearArrowProcessNumbered"/>
    <dgm:cxn modelId="{70E4B04D-94D1-4D40-9F17-355961FDA008}" type="presParOf" srcId="{57861C59-98E6-428F-B35A-FBA1338540E5}" destId="{04BEEF2A-F63F-4B2D-8D6F-4081B3BBD7F7}" srcOrd="0" destOrd="0" presId="urn:microsoft.com/office/officeart/2016/7/layout/LinearArrowProcessNumbered"/>
    <dgm:cxn modelId="{F5925523-505E-4093-A3BA-B495CD8F000C}" type="presParOf" srcId="{57861C59-98E6-428F-B35A-FBA1338540E5}" destId="{BAA2341D-0B59-430A-A72F-C9F6B744FDBB}" srcOrd="1" destOrd="0" presId="urn:microsoft.com/office/officeart/2016/7/layout/LinearArrowProcessNumbered"/>
    <dgm:cxn modelId="{97CC418E-8A9A-4575-9AA6-E2034A0E0FF8}" type="presParOf" srcId="{BAA2341D-0B59-430A-A72F-C9F6B744FDBB}" destId="{C5966DED-FE64-4FE9-898B-DDB27B1F0750}" srcOrd="0" destOrd="0" presId="urn:microsoft.com/office/officeart/2016/7/layout/LinearArrowProcessNumbered"/>
    <dgm:cxn modelId="{E8BDBE4C-23C0-41EE-AB34-1E4C1BEEDE8E}" type="presParOf" srcId="{BAA2341D-0B59-430A-A72F-C9F6B744FDBB}" destId="{F1DD256D-9202-494D-AB16-171D3FD13BDA}" srcOrd="1" destOrd="0" presId="urn:microsoft.com/office/officeart/2016/7/layout/LinearArrowProcessNumbered"/>
    <dgm:cxn modelId="{22A6F4BE-67BB-4A39-A539-99F5DA515AB0}" type="presParOf" srcId="{BAA2341D-0B59-430A-A72F-C9F6B744FDBB}" destId="{5C33CC62-5B82-4413-A826-E5863FD33F6D}" srcOrd="2" destOrd="0" presId="urn:microsoft.com/office/officeart/2016/7/layout/LinearArrowProcessNumbered"/>
    <dgm:cxn modelId="{831A35E9-2429-4BBC-9428-D3146866D02A}" type="presParOf" srcId="{BAA2341D-0B59-430A-A72F-C9F6B744FDBB}" destId="{9990EAFC-2D87-483A-8DF3-B68A9FBDCC06}" srcOrd="3" destOrd="0" presId="urn:microsoft.com/office/officeart/2016/7/layout/LinearArrowProcessNumbered"/>
    <dgm:cxn modelId="{440D67F0-7F9A-4E0E-814E-00765DA59471}" type="presParOf" srcId="{57861C59-98E6-428F-B35A-FBA1338540E5}" destId="{88B39826-75BC-41BC-824E-57D16BF7916B}" srcOrd="2" destOrd="0" presId="urn:microsoft.com/office/officeart/2016/7/layout/LinearArrowProcessNumbered"/>
    <dgm:cxn modelId="{DC46AE9D-A478-4B88-93E7-C50804D832CF}" type="presParOf" srcId="{27A1D844-9DD6-4A43-A896-D97CDD101A9E}" destId="{1D5C9A25-6BB4-4271-838B-71076F4D44C1}" srcOrd="9" destOrd="0" presId="urn:microsoft.com/office/officeart/2016/7/layout/LinearArrowProcessNumbered"/>
    <dgm:cxn modelId="{ACB068DC-5D8E-44EF-83C5-99850D317DE4}" type="presParOf" srcId="{27A1D844-9DD6-4A43-A896-D97CDD101A9E}" destId="{BC27F4CE-7C9B-4CBE-B52B-FAEEE0C60CAC}" srcOrd="10" destOrd="0" presId="urn:microsoft.com/office/officeart/2016/7/layout/LinearArrowProcessNumbered"/>
    <dgm:cxn modelId="{B8FEBA10-ABB1-4CB5-BDF9-138451478193}" type="presParOf" srcId="{BC27F4CE-7C9B-4CBE-B52B-FAEEE0C60CAC}" destId="{BD55A6E9-FB12-46E9-B839-3A0D3E1393F7}" srcOrd="0" destOrd="0" presId="urn:microsoft.com/office/officeart/2016/7/layout/LinearArrowProcessNumbered"/>
    <dgm:cxn modelId="{BED64CD3-7986-4F20-AE4A-44D9DD5FE281}" type="presParOf" srcId="{BC27F4CE-7C9B-4CBE-B52B-FAEEE0C60CAC}" destId="{D848FFB4-9594-48D6-9F4A-5659C6B4E3C2}" srcOrd="1" destOrd="0" presId="urn:microsoft.com/office/officeart/2016/7/layout/LinearArrowProcessNumbered"/>
    <dgm:cxn modelId="{A1CDDDA3-1DD0-4909-88BC-7E3EF9510C94}" type="presParOf" srcId="{D848FFB4-9594-48D6-9F4A-5659C6B4E3C2}" destId="{626B3856-B889-41A7-AAF8-C5E5BEA66EC1}" srcOrd="0" destOrd="0" presId="urn:microsoft.com/office/officeart/2016/7/layout/LinearArrowProcessNumbered"/>
    <dgm:cxn modelId="{00FF9760-4A2C-4DF9-BF9D-EAF957BE0205}" type="presParOf" srcId="{D848FFB4-9594-48D6-9F4A-5659C6B4E3C2}" destId="{17F61BF5-CC3C-4A3A-94B8-3DB1B32AECD9}" srcOrd="1" destOrd="0" presId="urn:microsoft.com/office/officeart/2016/7/layout/LinearArrowProcessNumbered"/>
    <dgm:cxn modelId="{A5C8A3C4-0A6D-4020-BE13-987FF78FDAFF}" type="presParOf" srcId="{D848FFB4-9594-48D6-9F4A-5659C6B4E3C2}" destId="{350CAE83-6AF1-4832-BAE3-20579E9453D4}" srcOrd="2" destOrd="0" presId="urn:microsoft.com/office/officeart/2016/7/layout/LinearArrowProcessNumbered"/>
    <dgm:cxn modelId="{F2B1D6E0-062D-4D50-9246-AFC13EBD0924}" type="presParOf" srcId="{D848FFB4-9594-48D6-9F4A-5659C6B4E3C2}" destId="{C3BF2E75-CE78-499A-AFC8-8B1C433D2690}" srcOrd="3" destOrd="0" presId="urn:microsoft.com/office/officeart/2016/7/layout/LinearArrowProcessNumbered"/>
    <dgm:cxn modelId="{2603F79B-F543-412F-B586-53360A992EA6}" type="presParOf" srcId="{BC27F4CE-7C9B-4CBE-B52B-FAEEE0C60CAC}" destId="{1C4C07C2-47AF-4C19-B685-51DC06B93702}" srcOrd="2" destOrd="0" presId="urn:microsoft.com/office/officeart/2016/7/layout/LinearArrowProcessNumbered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397CAA13-0231-4D95-B2DF-537C4AF9383F}" type="doc">
      <dgm:prSet loTypeId="urn:microsoft.com/office/officeart/2005/8/layout/chevron1" loCatId="Inbox" qsTypeId="urn:microsoft.com/office/officeart/2005/8/quickstyle/3d3" qsCatId="3D" csTypeId="urn:microsoft.com/office/officeart/2005/8/colors/ColorSchemeForSuggestions" csCatId="other" phldr="1"/>
      <dgm:spPr/>
      <dgm:t>
        <a:bodyPr/>
        <a:lstStyle/>
        <a:p>
          <a:endParaRPr lang="en-US"/>
        </a:p>
      </dgm:t>
    </dgm:pt>
    <dgm:pt modelId="{4A5AE98F-44B9-42C7-8745-409DC81A4D01}">
      <dgm:prSet/>
      <dgm:spPr/>
      <dgm:t>
        <a:bodyPr/>
        <a:lstStyle/>
        <a:p>
          <a:r>
            <a:rPr lang="en-US" dirty="0"/>
            <a:t>Helping them to grow their business</a:t>
          </a:r>
        </a:p>
      </dgm:t>
    </dgm:pt>
    <dgm:pt modelId="{4118E48C-90D4-4969-AC6F-64AA88C747DE}" type="parTrans" cxnId="{10D11433-6E00-40A4-A44A-BA83BD24B41B}">
      <dgm:prSet/>
      <dgm:spPr/>
      <dgm:t>
        <a:bodyPr/>
        <a:lstStyle/>
        <a:p>
          <a:endParaRPr lang="en-US"/>
        </a:p>
      </dgm:t>
    </dgm:pt>
    <dgm:pt modelId="{07EB9248-091F-4E5C-A779-F7A0840D447C}" type="sibTrans" cxnId="{10D11433-6E00-40A4-A44A-BA83BD24B41B}">
      <dgm:prSet phldrT="1"/>
      <dgm:spPr/>
      <dgm:t>
        <a:bodyPr/>
        <a:lstStyle/>
        <a:p>
          <a:endParaRPr lang="en-US" dirty="0"/>
        </a:p>
      </dgm:t>
    </dgm:pt>
    <dgm:pt modelId="{0AD56316-1F74-49F0-AB93-C935D7AE55D3}">
      <dgm:prSet/>
      <dgm:spPr/>
      <dgm:t>
        <a:bodyPr/>
        <a:lstStyle/>
        <a:p>
          <a:r>
            <a:rPr lang="en-US" dirty="0"/>
            <a:t>Improving sales cycle and marketing plan</a:t>
          </a:r>
        </a:p>
      </dgm:t>
    </dgm:pt>
    <dgm:pt modelId="{F268C08E-1893-4EB0-9923-B88F9671ECC7}" type="parTrans" cxnId="{5BBE677D-EF25-42AC-91FA-4F6BD41AB01F}">
      <dgm:prSet/>
      <dgm:spPr/>
      <dgm:t>
        <a:bodyPr/>
        <a:lstStyle/>
        <a:p>
          <a:endParaRPr lang="en-US"/>
        </a:p>
      </dgm:t>
    </dgm:pt>
    <dgm:pt modelId="{38715A55-6393-4DD4-B245-4C0AB59FDB99}" type="sibTrans" cxnId="{5BBE677D-EF25-42AC-91FA-4F6BD41AB01F}">
      <dgm:prSet phldrT="2"/>
      <dgm:spPr/>
      <dgm:t>
        <a:bodyPr/>
        <a:lstStyle/>
        <a:p>
          <a:endParaRPr lang="en-US"/>
        </a:p>
      </dgm:t>
    </dgm:pt>
    <dgm:pt modelId="{2F651CC9-C7FD-4BE7-A1BD-87BD9562504B}">
      <dgm:prSet/>
      <dgm:spPr/>
      <dgm:t>
        <a:bodyPr/>
        <a:lstStyle/>
        <a:p>
          <a:r>
            <a:rPr lang="en-US" dirty="0"/>
            <a:t>Knowing best practices and techniques</a:t>
          </a:r>
        </a:p>
      </dgm:t>
    </dgm:pt>
    <dgm:pt modelId="{BBF047A1-3202-4B9A-B653-FA229EA67B7B}" type="sibTrans" cxnId="{4A3B86F8-0AE3-4818-B51F-C9E13C7A8098}">
      <dgm:prSet phldrT="3"/>
      <dgm:spPr/>
      <dgm:t>
        <a:bodyPr/>
        <a:lstStyle/>
        <a:p>
          <a:endParaRPr lang="en-US"/>
        </a:p>
      </dgm:t>
    </dgm:pt>
    <dgm:pt modelId="{9E6963F1-CC33-41BA-84F3-7B6D7574E982}" type="parTrans" cxnId="{4A3B86F8-0AE3-4818-B51F-C9E13C7A8098}">
      <dgm:prSet/>
      <dgm:spPr/>
      <dgm:t>
        <a:bodyPr/>
        <a:lstStyle/>
        <a:p>
          <a:endParaRPr lang="en-US"/>
        </a:p>
      </dgm:t>
    </dgm:pt>
    <dgm:pt modelId="{985452C1-EC51-4B95-933C-BE4A8B7549B0}" type="pres">
      <dgm:prSet presAssocID="{397CAA13-0231-4D95-B2DF-537C4AF9383F}" presName="Name0" presStyleCnt="0">
        <dgm:presLayoutVars>
          <dgm:dir/>
          <dgm:animLvl val="lvl"/>
          <dgm:resizeHandles val="exact"/>
        </dgm:presLayoutVars>
      </dgm:prSet>
      <dgm:spPr/>
    </dgm:pt>
    <dgm:pt modelId="{A71E2288-ED66-4224-B647-AAC1402E9FD1}" type="pres">
      <dgm:prSet presAssocID="{4A5AE98F-44B9-42C7-8745-409DC81A4D01}" presName="parTxOnly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E7991187-52E2-48FF-87E0-5FE8208CCA8D}" type="pres">
      <dgm:prSet presAssocID="{07EB9248-091F-4E5C-A779-F7A0840D447C}" presName="parTxOnlySpace" presStyleCnt="0"/>
      <dgm:spPr/>
    </dgm:pt>
    <dgm:pt modelId="{C87CEC99-E5AD-46DC-A239-3E808A3F9742}" type="pres">
      <dgm:prSet presAssocID="{0AD56316-1F74-49F0-AB93-C935D7AE55D3}" presName="parTxOnly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42FB5B7A-6C9F-4D38-9418-B8507FF9A4E4}" type="pres">
      <dgm:prSet presAssocID="{38715A55-6393-4DD4-B245-4C0AB59FDB99}" presName="parTxOnlySpace" presStyleCnt="0"/>
      <dgm:spPr/>
    </dgm:pt>
    <dgm:pt modelId="{7FB904A8-C474-44DE-909F-AADB6166764A}" type="pres">
      <dgm:prSet presAssocID="{2F651CC9-C7FD-4BE7-A1BD-87BD9562504B}" presName="parTxOnly" presStyleLbl="node1" presStyleIdx="2" presStyleCnt="3">
        <dgm:presLayoutVars>
          <dgm:chMax val="0"/>
          <dgm:chPref val="0"/>
          <dgm:bulletEnabled val="1"/>
        </dgm:presLayoutVars>
      </dgm:prSet>
      <dgm:spPr/>
    </dgm:pt>
  </dgm:ptLst>
  <dgm:cxnLst>
    <dgm:cxn modelId="{5068AD0F-AD11-4A6C-9BC1-F07EF76F5357}" type="presOf" srcId="{397CAA13-0231-4D95-B2DF-537C4AF9383F}" destId="{985452C1-EC51-4B95-933C-BE4A8B7549B0}" srcOrd="0" destOrd="0" presId="urn:microsoft.com/office/officeart/2005/8/layout/chevron1"/>
    <dgm:cxn modelId="{10D11433-6E00-40A4-A44A-BA83BD24B41B}" srcId="{397CAA13-0231-4D95-B2DF-537C4AF9383F}" destId="{4A5AE98F-44B9-42C7-8745-409DC81A4D01}" srcOrd="0" destOrd="0" parTransId="{4118E48C-90D4-4969-AC6F-64AA88C747DE}" sibTransId="{07EB9248-091F-4E5C-A779-F7A0840D447C}"/>
    <dgm:cxn modelId="{BEFAF94C-3C7E-48D1-AD15-3C6E4D0B6FF6}" type="presOf" srcId="{0AD56316-1F74-49F0-AB93-C935D7AE55D3}" destId="{C87CEC99-E5AD-46DC-A239-3E808A3F9742}" srcOrd="0" destOrd="0" presId="urn:microsoft.com/office/officeart/2005/8/layout/chevron1"/>
    <dgm:cxn modelId="{5BBE677D-EF25-42AC-91FA-4F6BD41AB01F}" srcId="{397CAA13-0231-4D95-B2DF-537C4AF9383F}" destId="{0AD56316-1F74-49F0-AB93-C935D7AE55D3}" srcOrd="1" destOrd="0" parTransId="{F268C08E-1893-4EB0-9923-B88F9671ECC7}" sibTransId="{38715A55-6393-4DD4-B245-4C0AB59FDB99}"/>
    <dgm:cxn modelId="{D3C191E0-F882-4818-99C6-95C9A4C4EA5D}" type="presOf" srcId="{4A5AE98F-44B9-42C7-8745-409DC81A4D01}" destId="{A71E2288-ED66-4224-B647-AAC1402E9FD1}" srcOrd="0" destOrd="0" presId="urn:microsoft.com/office/officeart/2005/8/layout/chevron1"/>
    <dgm:cxn modelId="{5C4FC2EF-EC33-48DA-8F63-BAEF01B1F596}" type="presOf" srcId="{2F651CC9-C7FD-4BE7-A1BD-87BD9562504B}" destId="{7FB904A8-C474-44DE-909F-AADB6166764A}" srcOrd="0" destOrd="0" presId="urn:microsoft.com/office/officeart/2005/8/layout/chevron1"/>
    <dgm:cxn modelId="{4A3B86F8-0AE3-4818-B51F-C9E13C7A8098}" srcId="{397CAA13-0231-4D95-B2DF-537C4AF9383F}" destId="{2F651CC9-C7FD-4BE7-A1BD-87BD9562504B}" srcOrd="2" destOrd="0" parTransId="{9E6963F1-CC33-41BA-84F3-7B6D7574E982}" sibTransId="{BBF047A1-3202-4B9A-B653-FA229EA67B7B}"/>
    <dgm:cxn modelId="{03526561-6DE0-494F-9A27-60A200078EA4}" type="presParOf" srcId="{985452C1-EC51-4B95-933C-BE4A8B7549B0}" destId="{A71E2288-ED66-4224-B647-AAC1402E9FD1}" srcOrd="0" destOrd="0" presId="urn:microsoft.com/office/officeart/2005/8/layout/chevron1"/>
    <dgm:cxn modelId="{05DE7C2D-4021-49F0-AE33-34A258AEAED0}" type="presParOf" srcId="{985452C1-EC51-4B95-933C-BE4A8B7549B0}" destId="{E7991187-52E2-48FF-87E0-5FE8208CCA8D}" srcOrd="1" destOrd="0" presId="urn:microsoft.com/office/officeart/2005/8/layout/chevron1"/>
    <dgm:cxn modelId="{2CCDC639-41C6-494B-9EA7-D5445451E28B}" type="presParOf" srcId="{985452C1-EC51-4B95-933C-BE4A8B7549B0}" destId="{C87CEC99-E5AD-46DC-A239-3E808A3F9742}" srcOrd="2" destOrd="0" presId="urn:microsoft.com/office/officeart/2005/8/layout/chevron1"/>
    <dgm:cxn modelId="{EC6E802A-7B46-4475-B11B-4449D3E618DE}" type="presParOf" srcId="{985452C1-EC51-4B95-933C-BE4A8B7549B0}" destId="{42FB5B7A-6C9F-4D38-9418-B8507FF9A4E4}" srcOrd="3" destOrd="0" presId="urn:microsoft.com/office/officeart/2005/8/layout/chevron1"/>
    <dgm:cxn modelId="{724F7621-277F-4934-8836-5A6411E99B4A}" type="presParOf" srcId="{985452C1-EC51-4B95-933C-BE4A8B7549B0}" destId="{7FB904A8-C474-44DE-909F-AADB6166764A}" srcOrd="4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70270A3-6895-4725-81F1-4EB20C482E73}">
      <dsp:nvSpPr>
        <dsp:cNvPr id="0" name=""/>
        <dsp:cNvSpPr/>
      </dsp:nvSpPr>
      <dsp:spPr>
        <a:xfrm>
          <a:off x="0" y="2660"/>
          <a:ext cx="6290226" cy="0"/>
        </a:xfrm>
        <a:prstGeom prst="lin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DC97E72-805F-4E02-9860-F0E6B61EDB03}">
      <dsp:nvSpPr>
        <dsp:cNvPr id="0" name=""/>
        <dsp:cNvSpPr/>
      </dsp:nvSpPr>
      <dsp:spPr>
        <a:xfrm>
          <a:off x="0" y="2660"/>
          <a:ext cx="6290226" cy="18141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0" tIns="152400" rIns="152400" bIns="152400" numCol="1" spcCol="1270" anchor="t" anchorCtr="0">
          <a:noAutofit/>
        </a:bodyPr>
        <a:lstStyle/>
        <a:p>
          <a:pPr marL="0" lvl="0" indent="0" algn="l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000" kern="1200" dirty="0"/>
            <a:t>Online Tenant Screening</a:t>
          </a:r>
        </a:p>
      </dsp:txBody>
      <dsp:txXfrm>
        <a:off x="0" y="2660"/>
        <a:ext cx="6290226" cy="1814141"/>
      </dsp:txXfrm>
    </dsp:sp>
    <dsp:sp modelId="{4E7ADA06-3189-4C63-80D6-AB11D756450D}">
      <dsp:nvSpPr>
        <dsp:cNvPr id="0" name=""/>
        <dsp:cNvSpPr/>
      </dsp:nvSpPr>
      <dsp:spPr>
        <a:xfrm>
          <a:off x="0" y="1816801"/>
          <a:ext cx="6290226" cy="0"/>
        </a:xfrm>
        <a:prstGeom prst="line">
          <a:avLst/>
        </a:prstGeom>
        <a:solidFill>
          <a:schemeClr val="accent2">
            <a:hueOff val="574745"/>
            <a:satOff val="-9386"/>
            <a:lumOff val="588"/>
            <a:alphaOff val="0"/>
          </a:schemeClr>
        </a:solidFill>
        <a:ln w="12700" cap="flat" cmpd="sng" algn="ctr">
          <a:solidFill>
            <a:schemeClr val="accent2">
              <a:hueOff val="574745"/>
              <a:satOff val="-9386"/>
              <a:lumOff val="588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353A02-D8FB-4716-AA05-507A5A509BE0}">
      <dsp:nvSpPr>
        <dsp:cNvPr id="0" name=""/>
        <dsp:cNvSpPr/>
      </dsp:nvSpPr>
      <dsp:spPr>
        <a:xfrm>
          <a:off x="0" y="1816801"/>
          <a:ext cx="6290226" cy="18141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0" tIns="152400" rIns="152400" bIns="152400" numCol="1" spcCol="1270" anchor="t" anchorCtr="0">
          <a:noAutofit/>
        </a:bodyPr>
        <a:lstStyle/>
        <a:p>
          <a:pPr marL="0" lvl="0" indent="0" algn="l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000" kern="1200" dirty="0"/>
            <a:t>Customized tenant screening and grouping</a:t>
          </a:r>
        </a:p>
      </dsp:txBody>
      <dsp:txXfrm>
        <a:off x="0" y="1816801"/>
        <a:ext cx="6290226" cy="1814141"/>
      </dsp:txXfrm>
    </dsp:sp>
    <dsp:sp modelId="{03A2AAEC-3D16-429E-9D49-7772FB6F435C}">
      <dsp:nvSpPr>
        <dsp:cNvPr id="0" name=""/>
        <dsp:cNvSpPr/>
      </dsp:nvSpPr>
      <dsp:spPr>
        <a:xfrm>
          <a:off x="0" y="3630943"/>
          <a:ext cx="6290226" cy="0"/>
        </a:xfrm>
        <a:prstGeom prst="line">
          <a:avLst/>
        </a:prstGeom>
        <a:solidFill>
          <a:schemeClr val="accent2">
            <a:hueOff val="1149490"/>
            <a:satOff val="-18772"/>
            <a:lumOff val="1176"/>
            <a:alphaOff val="0"/>
          </a:schemeClr>
        </a:solidFill>
        <a:ln w="12700" cap="flat" cmpd="sng" algn="ctr">
          <a:solidFill>
            <a:schemeClr val="accent2">
              <a:hueOff val="1149490"/>
              <a:satOff val="-18772"/>
              <a:lumOff val="1176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8735382-256E-4973-8387-570BCFEF8266}">
      <dsp:nvSpPr>
        <dsp:cNvPr id="0" name=""/>
        <dsp:cNvSpPr/>
      </dsp:nvSpPr>
      <dsp:spPr>
        <a:xfrm>
          <a:off x="0" y="3630943"/>
          <a:ext cx="6290226" cy="181414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0" tIns="152400" rIns="152400" bIns="152400" numCol="1" spcCol="1270" anchor="t" anchorCtr="0">
          <a:noAutofit/>
        </a:bodyPr>
        <a:lstStyle/>
        <a:p>
          <a:pPr marL="0" lvl="0" indent="0" algn="l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000" kern="1200" dirty="0"/>
            <a:t>Information security and Risk Management</a:t>
          </a:r>
        </a:p>
      </dsp:txBody>
      <dsp:txXfrm>
        <a:off x="0" y="3630943"/>
        <a:ext cx="6290226" cy="1814141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70270A3-6895-4725-81F1-4EB20C482E73}">
      <dsp:nvSpPr>
        <dsp:cNvPr id="0" name=""/>
        <dsp:cNvSpPr/>
      </dsp:nvSpPr>
      <dsp:spPr>
        <a:xfrm>
          <a:off x="0" y="0"/>
          <a:ext cx="6290226" cy="0"/>
        </a:xfrm>
        <a:prstGeom prst="lin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DC97E72-805F-4E02-9860-F0E6B61EDB03}">
      <dsp:nvSpPr>
        <dsp:cNvPr id="0" name=""/>
        <dsp:cNvSpPr/>
      </dsp:nvSpPr>
      <dsp:spPr>
        <a:xfrm>
          <a:off x="0" y="0"/>
          <a:ext cx="6290226" cy="136193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4780" tIns="144780" rIns="144780" bIns="144780" numCol="1" spcCol="1270" anchor="t" anchorCtr="0">
          <a:noAutofit/>
        </a:bodyPr>
        <a:lstStyle/>
        <a:p>
          <a:pPr marL="0" lvl="0" indent="0" algn="l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800" kern="1200" dirty="0"/>
            <a:t>Sales cycle</a:t>
          </a:r>
        </a:p>
      </dsp:txBody>
      <dsp:txXfrm>
        <a:off x="0" y="0"/>
        <a:ext cx="6290226" cy="1361936"/>
      </dsp:txXfrm>
    </dsp:sp>
    <dsp:sp modelId="{36756A89-CD3D-4273-A0AD-8DF7B67C23FE}">
      <dsp:nvSpPr>
        <dsp:cNvPr id="0" name=""/>
        <dsp:cNvSpPr/>
      </dsp:nvSpPr>
      <dsp:spPr>
        <a:xfrm>
          <a:off x="0" y="1361936"/>
          <a:ext cx="6290226" cy="0"/>
        </a:xfrm>
        <a:prstGeom prst="line">
          <a:avLst/>
        </a:prstGeom>
        <a:solidFill>
          <a:schemeClr val="accent2">
            <a:hueOff val="383163"/>
            <a:satOff val="-6257"/>
            <a:lumOff val="392"/>
            <a:alphaOff val="0"/>
          </a:schemeClr>
        </a:solidFill>
        <a:ln w="12700" cap="flat" cmpd="sng" algn="ctr">
          <a:solidFill>
            <a:schemeClr val="accent2">
              <a:hueOff val="383163"/>
              <a:satOff val="-6257"/>
              <a:lumOff val="392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0E71E75-9383-4699-9DD7-B093B4700C5E}">
      <dsp:nvSpPr>
        <dsp:cNvPr id="0" name=""/>
        <dsp:cNvSpPr/>
      </dsp:nvSpPr>
      <dsp:spPr>
        <a:xfrm>
          <a:off x="0" y="1361936"/>
          <a:ext cx="6290226" cy="136193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4780" tIns="144780" rIns="144780" bIns="144780" numCol="1" spcCol="1270" anchor="t" anchorCtr="0">
          <a:noAutofit/>
        </a:bodyPr>
        <a:lstStyle/>
        <a:p>
          <a:pPr marL="0" lvl="0" indent="0" algn="l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800" kern="1200" dirty="0"/>
            <a:t>Specific dialogue and timeline</a:t>
          </a:r>
        </a:p>
      </dsp:txBody>
      <dsp:txXfrm>
        <a:off x="0" y="1361936"/>
        <a:ext cx="6290226" cy="1361936"/>
      </dsp:txXfrm>
    </dsp:sp>
    <dsp:sp modelId="{4E7ADA06-3189-4C63-80D6-AB11D756450D}">
      <dsp:nvSpPr>
        <dsp:cNvPr id="0" name=""/>
        <dsp:cNvSpPr/>
      </dsp:nvSpPr>
      <dsp:spPr>
        <a:xfrm>
          <a:off x="0" y="2723872"/>
          <a:ext cx="6290226" cy="0"/>
        </a:xfrm>
        <a:prstGeom prst="line">
          <a:avLst/>
        </a:prstGeom>
        <a:solidFill>
          <a:schemeClr val="accent2">
            <a:hueOff val="766327"/>
            <a:satOff val="-12515"/>
            <a:lumOff val="784"/>
            <a:alphaOff val="0"/>
          </a:schemeClr>
        </a:solidFill>
        <a:ln w="12700" cap="flat" cmpd="sng" algn="ctr">
          <a:solidFill>
            <a:schemeClr val="accent2">
              <a:hueOff val="766327"/>
              <a:satOff val="-12515"/>
              <a:lumOff val="784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353A02-D8FB-4716-AA05-507A5A509BE0}">
      <dsp:nvSpPr>
        <dsp:cNvPr id="0" name=""/>
        <dsp:cNvSpPr/>
      </dsp:nvSpPr>
      <dsp:spPr>
        <a:xfrm>
          <a:off x="0" y="2723872"/>
          <a:ext cx="6290226" cy="136193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4780" tIns="144780" rIns="144780" bIns="144780" numCol="1" spcCol="1270" anchor="t" anchorCtr="0">
          <a:noAutofit/>
        </a:bodyPr>
        <a:lstStyle/>
        <a:p>
          <a:pPr marL="0" lvl="0" indent="0" algn="l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800" kern="1200" dirty="0"/>
            <a:t>Marketing plan</a:t>
          </a:r>
        </a:p>
      </dsp:txBody>
      <dsp:txXfrm>
        <a:off x="0" y="2723872"/>
        <a:ext cx="6290226" cy="1361936"/>
      </dsp:txXfrm>
    </dsp:sp>
    <dsp:sp modelId="{5DE66AA6-8210-4CE4-BB81-5E8BA385BC9C}">
      <dsp:nvSpPr>
        <dsp:cNvPr id="0" name=""/>
        <dsp:cNvSpPr/>
      </dsp:nvSpPr>
      <dsp:spPr>
        <a:xfrm>
          <a:off x="0" y="4085808"/>
          <a:ext cx="6290226" cy="0"/>
        </a:xfrm>
        <a:prstGeom prst="line">
          <a:avLst/>
        </a:prstGeom>
        <a:solidFill>
          <a:schemeClr val="accent2">
            <a:hueOff val="1149490"/>
            <a:satOff val="-18772"/>
            <a:lumOff val="1176"/>
            <a:alphaOff val="0"/>
          </a:schemeClr>
        </a:solidFill>
        <a:ln w="12700" cap="flat" cmpd="sng" algn="ctr">
          <a:solidFill>
            <a:schemeClr val="accent2">
              <a:hueOff val="1149490"/>
              <a:satOff val="-18772"/>
              <a:lumOff val="1176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9EF9FFC-D8BD-4089-9EC0-38B002FCB75C}">
      <dsp:nvSpPr>
        <dsp:cNvPr id="0" name=""/>
        <dsp:cNvSpPr/>
      </dsp:nvSpPr>
      <dsp:spPr>
        <a:xfrm>
          <a:off x="0" y="4085808"/>
          <a:ext cx="6290226" cy="136193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4780" tIns="144780" rIns="144780" bIns="144780" numCol="1" spcCol="1270" anchor="t" anchorCtr="0">
          <a:noAutofit/>
        </a:bodyPr>
        <a:lstStyle/>
        <a:p>
          <a:pPr marL="0" lvl="0" indent="0" algn="l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800" kern="1200" dirty="0"/>
            <a:t>Risk Mitigation</a:t>
          </a:r>
        </a:p>
      </dsp:txBody>
      <dsp:txXfrm>
        <a:off x="0" y="4085808"/>
        <a:ext cx="6290226" cy="1361936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12429C0-7DC9-4751-B236-E10C1C6DE20F}">
      <dsp:nvSpPr>
        <dsp:cNvPr id="0" name=""/>
        <dsp:cNvSpPr/>
      </dsp:nvSpPr>
      <dsp:spPr>
        <a:xfrm>
          <a:off x="886598" y="604346"/>
          <a:ext cx="706918" cy="71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E591EA2-0EB2-436B-B24E-5A163647F3F6}">
      <dsp:nvSpPr>
        <dsp:cNvPr id="0" name=""/>
        <dsp:cNvSpPr/>
      </dsp:nvSpPr>
      <dsp:spPr>
        <a:xfrm>
          <a:off x="1635932" y="545001"/>
          <a:ext cx="81295" cy="152664"/>
        </a:xfrm>
        <a:prstGeom prst="chevron">
          <a:avLst>
            <a:gd name="adj" fmla="val 9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D050D03-8E1C-4E3D-914C-BEFFB348A4C3}">
      <dsp:nvSpPr>
        <dsp:cNvPr id="0" name=""/>
        <dsp:cNvSpPr/>
      </dsp:nvSpPr>
      <dsp:spPr>
        <a:xfrm>
          <a:off x="456866" y="263015"/>
          <a:ext cx="682735" cy="682735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494" tIns="26494" rIns="26494" bIns="26494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000" kern="1200"/>
            <a:t>1</a:t>
          </a:r>
        </a:p>
      </dsp:txBody>
      <dsp:txXfrm>
        <a:off x="556850" y="362999"/>
        <a:ext cx="482767" cy="482767"/>
      </dsp:txXfrm>
    </dsp:sp>
    <dsp:sp modelId="{C878AE8B-A25E-45CF-A3FD-ACA7F3406E10}">
      <dsp:nvSpPr>
        <dsp:cNvPr id="0" name=""/>
        <dsp:cNvSpPr/>
      </dsp:nvSpPr>
      <dsp:spPr>
        <a:xfrm>
          <a:off x="2950" y="1111317"/>
          <a:ext cx="1590567" cy="1965600"/>
        </a:xfrm>
        <a:prstGeom prst="upArrowCallout">
          <a:avLst>
            <a:gd name="adj1" fmla="val 50000"/>
            <a:gd name="adj2" fmla="val 20000"/>
            <a:gd name="adj3" fmla="val 20000"/>
            <a:gd name="adj4" fmla="val 100000"/>
          </a:avLst>
        </a:prstGeom>
        <a:solidFill>
          <a:schemeClr val="accent1">
            <a:lumMod val="20000"/>
            <a:lumOff val="80000"/>
            <a:alpha val="9000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5466" tIns="165100" rIns="125466" bIns="16510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Prepare sales cycle for different buckets of clients</a:t>
          </a:r>
        </a:p>
      </dsp:txBody>
      <dsp:txXfrm>
        <a:off x="2950" y="1429430"/>
        <a:ext cx="1590567" cy="1647487"/>
      </dsp:txXfrm>
    </dsp:sp>
    <dsp:sp modelId="{5847F7FA-9480-4032-B3BB-29971CF222AD}">
      <dsp:nvSpPr>
        <dsp:cNvPr id="0" name=""/>
        <dsp:cNvSpPr/>
      </dsp:nvSpPr>
      <dsp:spPr>
        <a:xfrm>
          <a:off x="1770247" y="604413"/>
          <a:ext cx="1590567" cy="72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24D0C6F-AC62-4EF7-B04F-420528DB2805}">
      <dsp:nvSpPr>
        <dsp:cNvPr id="0" name=""/>
        <dsp:cNvSpPr/>
      </dsp:nvSpPr>
      <dsp:spPr>
        <a:xfrm>
          <a:off x="3403229" y="545057"/>
          <a:ext cx="81295" cy="152724"/>
        </a:xfrm>
        <a:prstGeom prst="chevron">
          <a:avLst>
            <a:gd name="adj" fmla="val 9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46B3791-BFC9-4065-9DCD-35EF9D6B5034}">
      <dsp:nvSpPr>
        <dsp:cNvPr id="0" name=""/>
        <dsp:cNvSpPr/>
      </dsp:nvSpPr>
      <dsp:spPr>
        <a:xfrm>
          <a:off x="2224163" y="263082"/>
          <a:ext cx="682735" cy="682735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494" tIns="26494" rIns="26494" bIns="26494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000" kern="1200"/>
            <a:t>2</a:t>
          </a:r>
        </a:p>
      </dsp:txBody>
      <dsp:txXfrm>
        <a:off x="2324147" y="363066"/>
        <a:ext cx="482767" cy="482767"/>
      </dsp:txXfrm>
    </dsp:sp>
    <dsp:sp modelId="{DF72EB61-8D75-464C-8D05-96DC9EE0A273}">
      <dsp:nvSpPr>
        <dsp:cNvPr id="0" name=""/>
        <dsp:cNvSpPr/>
      </dsp:nvSpPr>
      <dsp:spPr>
        <a:xfrm>
          <a:off x="1770247" y="1111484"/>
          <a:ext cx="1590567" cy="1965600"/>
        </a:xfrm>
        <a:prstGeom prst="upArrowCallout">
          <a:avLst>
            <a:gd name="adj1" fmla="val 50000"/>
            <a:gd name="adj2" fmla="val 20000"/>
            <a:gd name="adj3" fmla="val 20000"/>
            <a:gd name="adj4" fmla="val 100000"/>
          </a:avLst>
        </a:prstGeom>
        <a:solidFill>
          <a:schemeClr val="accent1">
            <a:lumMod val="20000"/>
            <a:lumOff val="80000"/>
            <a:alpha val="9000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5466" tIns="165100" rIns="125466" bIns="16510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Marketing plan</a:t>
          </a:r>
        </a:p>
      </dsp:txBody>
      <dsp:txXfrm>
        <a:off x="1770247" y="1429597"/>
        <a:ext cx="1590567" cy="1647487"/>
      </dsp:txXfrm>
    </dsp:sp>
    <dsp:sp modelId="{17DB3C1F-1DA8-467B-980F-E1328731CFC4}">
      <dsp:nvSpPr>
        <dsp:cNvPr id="0" name=""/>
        <dsp:cNvSpPr/>
      </dsp:nvSpPr>
      <dsp:spPr>
        <a:xfrm>
          <a:off x="3537543" y="604413"/>
          <a:ext cx="1590567" cy="72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8BF2EF1-D049-43EC-9603-3D3947A2E3BD}">
      <dsp:nvSpPr>
        <dsp:cNvPr id="0" name=""/>
        <dsp:cNvSpPr/>
      </dsp:nvSpPr>
      <dsp:spPr>
        <a:xfrm>
          <a:off x="5170526" y="545057"/>
          <a:ext cx="81295" cy="152724"/>
        </a:xfrm>
        <a:prstGeom prst="chevron">
          <a:avLst>
            <a:gd name="adj" fmla="val 9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91E3362-0291-4942-8B86-9686C407121A}">
      <dsp:nvSpPr>
        <dsp:cNvPr id="0" name=""/>
        <dsp:cNvSpPr/>
      </dsp:nvSpPr>
      <dsp:spPr>
        <a:xfrm>
          <a:off x="3991459" y="263082"/>
          <a:ext cx="682735" cy="682735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494" tIns="26494" rIns="26494" bIns="26494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000" kern="1200"/>
            <a:t>3</a:t>
          </a:r>
        </a:p>
      </dsp:txBody>
      <dsp:txXfrm>
        <a:off x="4091443" y="363066"/>
        <a:ext cx="482767" cy="482767"/>
      </dsp:txXfrm>
    </dsp:sp>
    <dsp:sp modelId="{D2D7984B-3B70-44B1-BC92-E2BE078848A2}">
      <dsp:nvSpPr>
        <dsp:cNvPr id="0" name=""/>
        <dsp:cNvSpPr/>
      </dsp:nvSpPr>
      <dsp:spPr>
        <a:xfrm>
          <a:off x="3537543" y="1111484"/>
          <a:ext cx="1590567" cy="1965600"/>
        </a:xfrm>
        <a:prstGeom prst="upArrowCallout">
          <a:avLst>
            <a:gd name="adj1" fmla="val 50000"/>
            <a:gd name="adj2" fmla="val 20000"/>
            <a:gd name="adj3" fmla="val 20000"/>
            <a:gd name="adj4" fmla="val 10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5466" tIns="165100" rIns="125466" bIns="16510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Specific dialogue and timeline for closing sales</a:t>
          </a:r>
        </a:p>
      </dsp:txBody>
      <dsp:txXfrm>
        <a:off x="3537543" y="1429597"/>
        <a:ext cx="1590567" cy="1647487"/>
      </dsp:txXfrm>
    </dsp:sp>
    <dsp:sp modelId="{90A756CA-1D5E-4F3A-8AC2-6532E8B74673}">
      <dsp:nvSpPr>
        <dsp:cNvPr id="0" name=""/>
        <dsp:cNvSpPr/>
      </dsp:nvSpPr>
      <dsp:spPr>
        <a:xfrm>
          <a:off x="5304840" y="604413"/>
          <a:ext cx="1590567" cy="72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47DD67D-8862-4A9D-9D0F-0A2C7C78AF16}">
      <dsp:nvSpPr>
        <dsp:cNvPr id="0" name=""/>
        <dsp:cNvSpPr/>
      </dsp:nvSpPr>
      <dsp:spPr>
        <a:xfrm>
          <a:off x="6937822" y="545057"/>
          <a:ext cx="81295" cy="152724"/>
        </a:xfrm>
        <a:prstGeom prst="chevron">
          <a:avLst>
            <a:gd name="adj" fmla="val 9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E8F78EB-AFC1-4AD3-B395-4B3832976734}">
      <dsp:nvSpPr>
        <dsp:cNvPr id="0" name=""/>
        <dsp:cNvSpPr/>
      </dsp:nvSpPr>
      <dsp:spPr>
        <a:xfrm>
          <a:off x="5758756" y="263082"/>
          <a:ext cx="682735" cy="682735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494" tIns="26494" rIns="26494" bIns="26494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000" kern="1200"/>
            <a:t>4</a:t>
          </a:r>
        </a:p>
      </dsp:txBody>
      <dsp:txXfrm>
        <a:off x="5858740" y="363066"/>
        <a:ext cx="482767" cy="482767"/>
      </dsp:txXfrm>
    </dsp:sp>
    <dsp:sp modelId="{3C81183D-7188-4AA2-B4DC-354FAB50CDF3}">
      <dsp:nvSpPr>
        <dsp:cNvPr id="0" name=""/>
        <dsp:cNvSpPr/>
      </dsp:nvSpPr>
      <dsp:spPr>
        <a:xfrm>
          <a:off x="5304840" y="1111484"/>
          <a:ext cx="1590567" cy="1965600"/>
        </a:xfrm>
        <a:prstGeom prst="upArrowCallout">
          <a:avLst>
            <a:gd name="adj1" fmla="val 50000"/>
            <a:gd name="adj2" fmla="val 20000"/>
            <a:gd name="adj3" fmla="val 20000"/>
            <a:gd name="adj4" fmla="val 10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5466" tIns="165100" rIns="125466" bIns="16510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Risk Mitigation</a:t>
          </a:r>
        </a:p>
      </dsp:txBody>
      <dsp:txXfrm>
        <a:off x="5304840" y="1429597"/>
        <a:ext cx="1590567" cy="1647487"/>
      </dsp:txXfrm>
    </dsp:sp>
    <dsp:sp modelId="{C5966DED-FE64-4FE9-898B-DDB27B1F0750}">
      <dsp:nvSpPr>
        <dsp:cNvPr id="0" name=""/>
        <dsp:cNvSpPr/>
      </dsp:nvSpPr>
      <dsp:spPr>
        <a:xfrm>
          <a:off x="7072137" y="604413"/>
          <a:ext cx="1590567" cy="72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1DD256D-9202-494D-AB16-171D3FD13BDA}">
      <dsp:nvSpPr>
        <dsp:cNvPr id="0" name=""/>
        <dsp:cNvSpPr/>
      </dsp:nvSpPr>
      <dsp:spPr>
        <a:xfrm>
          <a:off x="8705119" y="545057"/>
          <a:ext cx="81295" cy="152724"/>
        </a:xfrm>
        <a:prstGeom prst="chevron">
          <a:avLst>
            <a:gd name="adj" fmla="val 9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C33CC62-5B82-4413-A826-E5863FD33F6D}">
      <dsp:nvSpPr>
        <dsp:cNvPr id="0" name=""/>
        <dsp:cNvSpPr/>
      </dsp:nvSpPr>
      <dsp:spPr>
        <a:xfrm>
          <a:off x="7526053" y="263082"/>
          <a:ext cx="682735" cy="682735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494" tIns="26494" rIns="26494" bIns="26494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000" kern="1200"/>
            <a:t>5</a:t>
          </a:r>
        </a:p>
      </dsp:txBody>
      <dsp:txXfrm>
        <a:off x="7626037" y="363066"/>
        <a:ext cx="482767" cy="482767"/>
      </dsp:txXfrm>
    </dsp:sp>
    <dsp:sp modelId="{88B39826-75BC-41BC-824E-57D16BF7916B}">
      <dsp:nvSpPr>
        <dsp:cNvPr id="0" name=""/>
        <dsp:cNvSpPr/>
      </dsp:nvSpPr>
      <dsp:spPr>
        <a:xfrm>
          <a:off x="7072137" y="1111484"/>
          <a:ext cx="1590567" cy="1965600"/>
        </a:xfrm>
        <a:prstGeom prst="upArrowCallout">
          <a:avLst>
            <a:gd name="adj1" fmla="val 50000"/>
            <a:gd name="adj2" fmla="val 20000"/>
            <a:gd name="adj3" fmla="val 20000"/>
            <a:gd name="adj4" fmla="val 100000"/>
          </a:avLst>
        </a:prstGeom>
        <a:solidFill>
          <a:schemeClr val="accent1">
            <a:lumMod val="20000"/>
            <a:lumOff val="80000"/>
            <a:alpha val="9000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5466" tIns="165100" rIns="125466" bIns="16510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Increase revenue</a:t>
          </a:r>
        </a:p>
      </dsp:txBody>
      <dsp:txXfrm>
        <a:off x="7072137" y="1429597"/>
        <a:ext cx="1590567" cy="1647487"/>
      </dsp:txXfrm>
    </dsp:sp>
    <dsp:sp modelId="{626B3856-B889-41A7-AAF8-C5E5BEA66EC1}">
      <dsp:nvSpPr>
        <dsp:cNvPr id="0" name=""/>
        <dsp:cNvSpPr/>
      </dsp:nvSpPr>
      <dsp:spPr>
        <a:xfrm>
          <a:off x="8976397" y="604413"/>
          <a:ext cx="795283" cy="72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50CAE83-6AF1-4832-BAE3-20579E9453D4}">
      <dsp:nvSpPr>
        <dsp:cNvPr id="0" name=""/>
        <dsp:cNvSpPr/>
      </dsp:nvSpPr>
      <dsp:spPr>
        <a:xfrm>
          <a:off x="9430313" y="263082"/>
          <a:ext cx="682735" cy="682735"/>
        </a:xfrm>
        <a:prstGeom prst="ellipse">
          <a:avLst/>
        </a:prstGeom>
        <a:solidFill>
          <a:schemeClr val="accent1"/>
        </a:solidFill>
        <a:ln w="1270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494" tIns="26494" rIns="26494" bIns="26494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000" kern="1200" dirty="0"/>
            <a:t>6</a:t>
          </a:r>
        </a:p>
      </dsp:txBody>
      <dsp:txXfrm>
        <a:off x="9530297" y="363066"/>
        <a:ext cx="482767" cy="482767"/>
      </dsp:txXfrm>
    </dsp:sp>
    <dsp:sp modelId="{1C4C07C2-47AF-4C19-B685-51DC06B93702}">
      <dsp:nvSpPr>
        <dsp:cNvPr id="0" name=""/>
        <dsp:cNvSpPr/>
      </dsp:nvSpPr>
      <dsp:spPr>
        <a:xfrm>
          <a:off x="8839434" y="1111484"/>
          <a:ext cx="1930873" cy="1965600"/>
        </a:xfrm>
        <a:prstGeom prst="upArrowCallout">
          <a:avLst>
            <a:gd name="adj1" fmla="val 50000"/>
            <a:gd name="adj2" fmla="val 20000"/>
            <a:gd name="adj3" fmla="val 20000"/>
            <a:gd name="adj4" fmla="val 100000"/>
          </a:avLst>
        </a:prstGeom>
        <a:solidFill>
          <a:schemeClr val="accent1">
            <a:lumMod val="20000"/>
            <a:lumOff val="8000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30702" tIns="165100" rIns="130702" bIns="16510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Tips for Real estate brokerages/ agents</a:t>
          </a:r>
        </a:p>
      </dsp:txBody>
      <dsp:txXfrm>
        <a:off x="8839434" y="1497659"/>
        <a:ext cx="1930873" cy="1579425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71E2288-ED66-4224-B647-AAC1402E9FD1}">
      <dsp:nvSpPr>
        <dsp:cNvPr id="0" name=""/>
        <dsp:cNvSpPr/>
      </dsp:nvSpPr>
      <dsp:spPr>
        <a:xfrm>
          <a:off x="3257" y="852480"/>
          <a:ext cx="3968592" cy="158743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6012" tIns="32004" rIns="32004" bIns="32004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Helping them to grow their business</a:t>
          </a:r>
        </a:p>
      </dsp:txBody>
      <dsp:txXfrm>
        <a:off x="796975" y="852480"/>
        <a:ext cx="2381156" cy="1587436"/>
      </dsp:txXfrm>
    </dsp:sp>
    <dsp:sp modelId="{C87CEC99-E5AD-46DC-A239-3E808A3F9742}">
      <dsp:nvSpPr>
        <dsp:cNvPr id="0" name=""/>
        <dsp:cNvSpPr/>
      </dsp:nvSpPr>
      <dsp:spPr>
        <a:xfrm>
          <a:off x="3574990" y="852480"/>
          <a:ext cx="3968592" cy="158743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6012" tIns="32004" rIns="32004" bIns="32004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Improving sales cycle and marketing plan</a:t>
          </a:r>
        </a:p>
      </dsp:txBody>
      <dsp:txXfrm>
        <a:off x="4368708" y="852480"/>
        <a:ext cx="2381156" cy="1587436"/>
      </dsp:txXfrm>
    </dsp:sp>
    <dsp:sp modelId="{7FB904A8-C474-44DE-909F-AADB6166764A}">
      <dsp:nvSpPr>
        <dsp:cNvPr id="0" name=""/>
        <dsp:cNvSpPr/>
      </dsp:nvSpPr>
      <dsp:spPr>
        <a:xfrm>
          <a:off x="7146723" y="852480"/>
          <a:ext cx="3968592" cy="158743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6012" tIns="32004" rIns="32004" bIns="32004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Knowing best practices and techniques</a:t>
          </a:r>
        </a:p>
      </dsp:txBody>
      <dsp:txXfrm>
        <a:off x="7940441" y="852480"/>
        <a:ext cx="2381156" cy="158743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16/7/layout/LinearArrowProcessNumbered">
  <dgm:title val="Linear Arrow Process Numbered"/>
  <dgm:desc val="Used to show a progression; a timeline; sequential steps in a task, process, or workflow; or to emphasize movement or direction. Automatic numbers have been introduced to show the steps of the process which appears in a circle. Level 1 and Level 2 text appear in a shape called UpArrowCallout. Also the nodes are connected by an arrow like shape emphasizing the process nature."/>
  <dgm:catLst>
    <dgm:cat type="process" pri="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101" type="sibTrans" cxnId="4">
          <dgm:prSet phldrT="1"/>
          <dgm:t>
            <a:bodyPr/>
            <a:lstStyle/>
            <a:p>
              <a:r>
                <a:t>1</a:t>
              </a:r>
            </a:p>
          </dgm:t>
        </dgm:pt>
        <dgm:pt modelId="201" type="sibTrans" cxnId="5">
          <dgm:prSet phldrT="2"/>
          <dgm:t>
            <a:bodyPr/>
            <a:lstStyle/>
            <a:p>
              <a:r>
                <a:t>2</a:t>
              </a:r>
            </a:p>
          </dgm:t>
        </dgm:pt>
        <dgm:pt modelId="301" type="sibTrans" cxnId="6">
          <dgm:prSet phldrT="3"/>
          <dgm:t>
            <a:bodyPr/>
            <a:lstStyle/>
            <a:p>
              <a:r>
                <a:t>3</a:t>
              </a:r>
            </a:p>
          </dgm:t>
        </dgm:pt>
      </dgm:ptLst>
      <dgm:cxnLst>
        <dgm:cxn modelId="4" srcId="0" destId="1" srcOrd="0" destOrd="0" sibTransId="101"/>
        <dgm:cxn modelId="5" srcId="0" destId="2" srcOrd="1" destOrd="0" sibTransId="201"/>
        <dgm:cxn modelId="6" srcId="0" destId="3" srcOrd="3" destOrd="0" sibTransId="301"/>
        <dgm:cxn modelId="13" srcId="1" destId="11" srcOrd="0" destOrd="0"/>
        <dgm:cxn modelId="23" srcId="2" destId="21" srcOrd="0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L"/>
      <dgm:param type="nodeVertAlign" val="t"/>
    </dgm:alg>
    <dgm:shape xmlns:r="http://schemas.openxmlformats.org/officeDocument/2006/relationships" r:blip="">
      <dgm:adjLst/>
    </dgm:shape>
    <dgm:presOf/>
    <dgm:constrLst>
      <dgm:constr type="w" for="ch" forName="compositeNode" refType="w"/>
      <dgm:constr type="h" for="ch" forName="compositeNode" op="equ"/>
      <dgm:constr type="w" for="ch" forName="sibTransComposite" refType="w" refFor="ch" refForName="compositeNode" fact="0"/>
      <dgm:constr type="w" for="des" forName="parTx"/>
      <dgm:constr type="h" for="des" forName="parTx" op="equ"/>
      <dgm:constr type="h" for="des" forName="parSh" op="equ"/>
      <dgm:constr type="w" for="des" forName="nodeText"/>
      <dgm:constr type="h" for="des" forName="nodeText" op="equ"/>
      <dgm:constr type="w" for="des" forName="parSh"/>
      <dgm:constr type="w" for="des" forName="parSh" op="equ"/>
      <dgm:constr type="primFontSz" for="des" forName="parTx" val="26"/>
      <dgm:constr type="primFontSz" for="des" forName="parTx" op="equ"/>
      <dgm:constr type="primFontSz" for="des" forName="parSh" op="equ"/>
      <dgm:constr type="primFontSz" for="des" forName="nodeText" op="equ"/>
      <dgm:constr type="secFontSz" for="des" forName="nodeText" op="equ"/>
      <dgm:constr type="primFontSz" for="des" forName="sibTransNodeCircle" op="equ"/>
      <dgm:constr type="h" for="des" forName="sibTransNodeCircle" op="equ"/>
      <dgm:constr type="w" for="des" forName="sibTransNodeCircle" op="equ"/>
      <dgm:constr type="h" for="des" forName="parTx" refType="primFontSz" refFor="des" refForName="parTx" fact="1.5"/>
      <dgm:constr type="h" for="ch" forName="compositeNode" refType="h"/>
      <dgm:constr type="h" for="des" forName="parSh" refType="w"/>
      <dgm:constr type="h" for="des" forName="nodeText" refType="primFontSz" refFor="des" refForName="parTx" fact="2.1"/>
      <dgm:constr type="h" for="des" forName="parSh" refType="h" refFor="des" refForName="parTx" op="lte" fact="1.2"/>
      <dgm:constr type="h" for="des" forName="parSh" refType="h" refFor="des" refForName="parTx" op="gte" fact="1.2"/>
    </dgm:constrLst>
    <dgm:ruleLst>
      <dgm:rule type="primFontSz" for="des" forName="parSh" val="5" fact="NaN" max="NaN"/>
    </dgm:ruleLst>
    <dgm:forEach name="Name3" axis="ch" ptType="node">
      <dgm:layoutNode name="compositeNode">
        <dgm:alg type="composite"/>
        <dgm:shape xmlns:r="http://schemas.openxmlformats.org/officeDocument/2006/relationships" r:blip="">
          <dgm:adjLst/>
        </dgm:shape>
        <dgm:presOf/>
        <dgm:choose name="Name004">
          <dgm:if name="Name5" axis="self" ptType="node" func="cnt" op="equ" val="0">
            <dgm:constrLst>
              <dgm:constr type="w" for="ch" forName="parTx" refType="w"/>
              <dgm:constr type="w" for="ch" forName="parSh" refType="w" refFor="ch" refForName="parTx"/>
              <dgm:constr type="w" for="ch" forName="nodeText" refType="w" refFor="ch" refForName="parTx"/>
              <dgm:constr type="t" for="ch" forName="nodeText" refType="b" refFor="ch" refForName="parSh"/>
            </dgm:constrLst>
          </dgm:if>
          <dgm:else name="Name6">
            <dgm:constrLst>
              <dgm:constr type="w" for="ch" forName="parTx" refType="w"/>
              <dgm:constr type="w" for="ch" forName="parSh" refType="w" refFor="ch" refForName="parTx"/>
              <dgm:constr type="w" for="ch" forName="nodeText" refType="w" refFor="ch" refForName="parTx" fact="0.9"/>
              <dgm:constr type="t" for="ch" forName="nodeText" refType="b" refFor="ch" refForName="parSh"/>
            </dgm:constrLst>
          </dgm:else>
        </dgm:choose>
        <dgm:ruleLst>
          <dgm:rule type="h" val="INF" fact="NaN" max="NaN"/>
        </dgm:ruleLst>
        <dgm:layoutNode name="parTx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zOrderOff="1" hideGeom="1">
            <dgm:adjLst/>
          </dgm:shape>
          <dgm:presOf/>
          <dgm:constrLst>
            <dgm:constr type="h" refType="w" op="lte" fact="0.4"/>
            <dgm:constr type="h"/>
          </dgm:constrLst>
          <dgm:ruleLst>
            <dgm:rule type="h" val="INF" fact="NaN" max="NaN"/>
          </dgm:ruleLst>
        </dgm:layoutNode>
        <dgm:layoutNode name="parSh">
          <dgm:alg type="composite"/>
          <dgm:shape xmlns:r="http://schemas.openxmlformats.org/officeDocument/2006/relationships" r:blip="">
            <dgm:adjLst/>
          </dgm:shape>
          <dgm:presOf axis="self" ptType="node"/>
          <dgm:choose name="casesForFirstAndLastNode">
            <dgm:if name="ifFirstNode" axis="self" ptType="node" func="pos" op="equ" val="1">
              <dgm:choose name="removeLineWhenOnlyOneNode">
                <dgm:if name="ifOnlyOneNode" axis="followSib" ptType="node" func="cnt" op="equ" val="0">
                  <dgm:constrLst>
                    <dgm:constr type="h"/>
                    <dgm:constr type="h" for="ch" forName="lineNode" val="0.002"/>
                    <dgm:constr type="w" for="ch" forName="lineNode" refType="w" fact="0"/>
                    <dgm:constr type="w" for="ch" forName="lineArrowNode" refType="w" fact="0"/>
                    <dgm:constr type="h" for="ch" forName="lineArrowNode" refType="h" fact="0"/>
                    <dgm:constr type="ctrY" for="ch" forName="lineNode" refType="ctrY" refFor="ch" refForName="sibTransNodeCircle"/>
                    <dgm:constr type="h" for="ch" forName="sibTransNodeCircle" refType="h" fact="0.9"/>
                    <dgm:constr type="w" for="ch" forName="sibTransNodeCircle" refType="h" refFor="ch" refForName="sibTransNodeCircle"/>
                    <dgm:constr type="ctrX" for="ch" forName="sibTransNodeCircle" refType="w" fact="0.45"/>
                    <dgm:constr type="ctrY" for="ch" forName="sibTransNodeCircle" refType="h" fact="0.25"/>
                    <dgm:constr type="t" for="ch" forName="spacerBetweenCircleAndCallout" refType="b" refFor="ch" refForName="sibTransNodeCircle"/>
                    <dgm:constr type="h" for="ch" forName="spacerBetweenCircleAndCallout" val="4.6"/>
                  </dgm:constrLst>
                </dgm:if>
                <dgm:else name="ifMoreThanOneNode">
                  <dgm:constrLst>
                    <dgm:constr type="h"/>
                    <dgm:constr type="h" for="ch" forName="lineNode" val="0.002"/>
                    <dgm:constr type="w" for="ch" forName="lineNode" refType="w" fact="0.4"/>
                    <dgm:constr type="l" for="ch" forName="lineNode" refType="w" fact="0.5"/>
                    <dgm:constr type="w" for="ch" forName="lineArrowNode" refType="w" fact="0.046"/>
                    <dgm:constr type="h" for="ch" forName="lineArrowNode" refType="h" fact="0.18"/>
                    <dgm:constr type="l" for="ch" forName="lineArrowNode" refType="w" fact="0.924"/>
                    <dgm:constr type="t" for="ch" forName="lineArrowNode" refType="h" fact="0.18"/>
                    <dgm:constr type="ctrY" for="ch" forName="lineNode" refType="ctrY" refFor="ch" refForName="sibTransNodeCircle"/>
                    <dgm:constr type="h" for="ch" forName="sibTransNodeCircle" refType="h" fact="0.9"/>
                    <dgm:constr type="w" for="ch" forName="sibTransNodeCircle" refType="h" refFor="ch" refForName="sibTransNodeCircle"/>
                    <dgm:constr type="ctrX" for="ch" forName="sibTransNodeCircle" refType="w" fact="0.45"/>
                    <dgm:constr type="ctrY" for="ch" forName="sibTransNodeCircle" refType="h" fact="0.25"/>
                    <dgm:constr type="t" for="ch" forName="spacerBetweenCircleAndCallout" refType="b" refFor="ch" refForName="sibTransNodeCircle"/>
                    <dgm:constr type="h" for="ch" forName="spacerBetweenCircleAndCallout" val="4.6"/>
                  </dgm:constrLst>
                </dgm:else>
              </dgm:choose>
            </dgm:if>
            <dgm:if name="ifLastNode" axis="self" ptType="node" func="revPos" op="equ" val="1">
              <dgm:constrLst>
                <dgm:constr type="h"/>
                <dgm:constr type="h" for="ch" forName="lineNode" val="0.002"/>
                <dgm:constr type="w" for="ch" forName="lineNode" refType="w" fact="0.45"/>
                <dgm:constr type="w" for="ch" forName="lineArrowNode" refType="w" fact="0"/>
                <dgm:constr type="h" for="ch" forName="lineArrowNode" refType="h" fact="0"/>
                <dgm:constr type="ctrY" for="ch" forName="lineNode" refType="ctrY" refFor="ch" refForName="sibTransNodeCircle"/>
                <dgm:constr type="h" for="ch" forName="sibTransNodeCircle" refType="h"/>
                <dgm:constr type="w" for="ch" forName="sibTransNodeCircle" refType="h" refFor="ch" refForName="sibTransNodeCircle"/>
                <dgm:constr type="ctrX" for="ch" forName="sibTransNodeCircle" refType="w" fact="0.45"/>
                <dgm:constr type="ctrY" for="ch" forName="sibTransNodeCircle" refType="h" fact="0.25"/>
                <dgm:constr type="t" for="ch" forName="spacerBetweenCircleAndCallout" refType="b" refFor="ch" refForName="sibTransNodeCircle"/>
                <dgm:constr type="h" for="ch" forName="spacerBetweenCircleAndCallout" val="4.6"/>
              </dgm:constrLst>
            </dgm:if>
            <dgm:else name="allOtherNodes">
              <dgm:constrLst>
                <dgm:constr type="h"/>
                <dgm:constr type="h" for="ch" forName="lineNode" val="0.002"/>
                <dgm:constr type="w" for="ch" forName="lineNode" refType="w" fact="0.9"/>
                <dgm:constr type="w" for="ch" forName="lineArrowNode" refType="w" fact="0.046"/>
                <dgm:constr type="h" for="ch" forName="lineArrowNode" refType="h" fact="0.18"/>
                <dgm:constr type="l" for="ch" forName="lineArrowNode" refType="w" fact="0.924"/>
                <dgm:constr type="t" for="ch" forName="lineArrowNode" refType="h" fact="0.18"/>
                <dgm:constr type="ctrY" for="ch" forName="lineNode" refType="ctrY" refFor="ch" refForName="sibTransNodeCircle"/>
                <dgm:constr type="h" for="ch" forName="sibTransNodeCircle" refType="h" fact="0.9"/>
                <dgm:constr type="w" for="ch" forName="sibTransNodeCircle" refType="h" refFor="ch" refForName="sibTransNodeCircle"/>
                <dgm:constr type="ctrX" for="ch" forName="sibTransNodeCircle" refType="w" fact="0.45"/>
                <dgm:constr type="ctrY" for="ch" forName="sibTransNodeCircle" refType="h" fact="0.25"/>
                <dgm:constr type="t" for="ch" forName="spacerBetweenCircleAndCallout" refType="b" refFor="ch" refForName="sibTransNodeCircle"/>
                <dgm:constr type="h" for="ch" forName="spacerBetweenCircleAndCallout" val="4.6"/>
              </dgm:constrLst>
            </dgm:else>
          </dgm:choose>
          <dgm:layoutNode name="lineNode" styleLbl="alignAccFollowNode1">
            <dgm:alg type="sp"/>
            <dgm:shape xmlns:r="http://schemas.openxmlformats.org/officeDocument/2006/relationships" type="rect" r:blip="">
              <dgm:adjLst/>
            </dgm:shape>
            <dgm:presOf/>
            <dgm:constrLst/>
            <dgm:ruleLst/>
          </dgm:layoutNode>
          <dgm:layoutNode name="lineArrowNode" styleLbl="alignAccFollowNode1">
            <dgm:alg type="sp"/>
            <dgm:shape xmlns:r="http://schemas.openxmlformats.org/officeDocument/2006/relationships" type="chevron" r:blip="">
              <dgm:adjLst>
                <dgm:adj idx="1" val="0.9"/>
              </dgm:adjLst>
            </dgm:shape>
            <dgm:presOf/>
            <dgm:ruleLst/>
          </dgm:layoutNode>
          <dgm:forEach name="Name19" axis="followSib" ptType="sibTrans" hideLastTrans="0" cnt="1">
            <dgm:layoutNode name="sibTransNodeCircle" styleLbl="alignNode1">
              <dgm:varLst>
                <dgm:chMax val="0"/>
                <dgm:bulletEnabled/>
              </dgm:varLst>
              <dgm:presOf axis="self" ptType="sibTrans"/>
              <dgm:alg type="tx">
                <dgm:param type="txAnchorVert" val="mid"/>
                <dgm:param type="txAnchorHorzCh" val="ctr"/>
                <dgm:param type="parTxRTLAlign" val="l"/>
              </dgm:alg>
              <dgm:shape xmlns:r="http://schemas.openxmlformats.org/officeDocument/2006/relationships" type="ellipse" r:blip="">
                <dgm:adjLst/>
              </dgm:shape>
              <dgm:constrLst>
                <dgm:constr type="w" refType="h" op="equ"/>
                <dgm:constr type="primFontSz" val="60"/>
                <dgm:constr type="tMarg" refType="w" fact="0.11"/>
                <dgm:constr type="lMarg" refType="w" fact="0.11"/>
                <dgm:constr type="rMarg" refType="w" fact="0.11"/>
                <dgm:constr type="bMarg" refType="w" fact="0.11"/>
              </dgm:constrLst>
              <dgm:ruleLst>
                <dgm:rule type="primFontSz" val="14" fact="NaN" max="NaN"/>
              </dgm:ruleLst>
            </dgm:layoutNode>
            <dgm:layoutNode name="spacerBetweenCircleAndCallout">
              <dgm:varLst/>
              <dgm:presOf/>
              <dgm:alg type="sp"/>
              <dgm:shape xmlns:r="http://schemas.openxmlformats.org/officeDocument/2006/relationships" r:blip="">
                <dgm:adjLst/>
              </dgm:shape>
              <dgm:constrLst/>
              <dgm:ruleLst/>
            </dgm:layoutNode>
          </dgm:forEach>
          <dgm:presOf/>
          <dgm:ruleLst/>
        </dgm:layoutNode>
        <dgm:layoutNode name="nodeText" styleLbl="alignAccFollowNode1">
          <dgm:varLst>
            <dgm:bulletEnabled val="1"/>
          </dgm:varLst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upArrowCallout" r:blip="">
            <dgm:adjLst>
              <dgm:adj idx="1" val="0.5"/>
              <dgm:adj idx="2" val="0.2"/>
              <dgm:adj idx="3" val="0.2"/>
              <dgm:adj idx="4" val="1"/>
            </dgm:adjLst>
          </dgm:shape>
          <dgm:presOf axis="desOrSelf" ptType="node"/>
          <dgm:constrLst>
            <dgm:constr type="secFontSz" val="16"/>
            <dgm:constr type="primFontSz" val="26"/>
            <dgm:constr type="h"/>
            <dgm:constr type="tMarg" val="13"/>
            <dgm:constr type="lMarg" refType="w" fact="0.2236"/>
            <dgm:constr type="rMarg" refType="w" fact="0.2236"/>
            <dgm:constr type="bMarg" val="13"/>
          </dgm:constrLst>
          <dgm:ruleLst>
            <dgm:rule type="secFontSz" val="11" fact="NaN" max="NaN"/>
            <dgm:rule type="primFontSz" val="11" fact="NaN" max="NaN"/>
            <dgm:rule type="h" val="INF" fact="NaN" max="NaN"/>
          </dgm:ruleLst>
        </dgm:layoutNode>
      </dgm:layoutNode>
      <dgm:forEach name="sibTransForEach" axis="followSib" ptType="sibTrans" cnt="1">
        <dgm:layoutNode name="sibTransComposite" styleLbl="alignAccFollowNode1">
          <dgm:alg type="sp"/>
          <dgm:shape xmlns:r="http://schemas.openxmlformats.org/officeDocument/2006/relationships" r:blip="">
            <dgm:adjLst/>
          </dgm:shape>
          <dgm:ruleLst/>
        </dgm:layoutNode>
        <dgm:ruleLst>
          <dgm:rule type="h" val="INF" fact="NaN" max="NaN"/>
        </dgm:ruleLst>
      </dgm:forEach>
    </dgm:forEach>
  </dgm:layoutNode>
  <dgm:extLst>
    <a:ext uri="{4F341089-5ED1-44EC-B178-C955D00A3D55}">
      <dgm1611:autoBuNodeInfoLst xmlns:dgm1611="http://schemas.microsoft.com/office/drawing/2016/11/diagram">
        <dgm1611:autoBuNodeInfo lvl="1" ptType="sibTrans">
          <dgm1611:buPr prefix="" leadZeros="0">
            <a:buAutoNum type="arabicParenBoth"/>
          </dgm1611:buPr>
        </dgm1611:autoBuNodeInfo>
      </dgm1611:autoBuNodeInfoLst>
    </a:ext>
  </dgm:extLst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71600" y="1803405"/>
            <a:ext cx="9448800" cy="1825096"/>
          </a:xfrm>
        </p:spPr>
        <p:txBody>
          <a:bodyPr anchor="b">
            <a:normAutofit/>
          </a:bodyPr>
          <a:lstStyle>
            <a:lvl1pPr algn="l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632201"/>
            <a:ext cx="9448800" cy="685800"/>
          </a:xfrm>
        </p:spPr>
        <p:txBody>
          <a:bodyPr>
            <a:normAutofit/>
          </a:bodyPr>
          <a:lstStyle>
            <a:lvl1pPr marL="0" indent="0" algn="l">
              <a:buNone/>
              <a:defRPr sz="20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909561" y="4314328"/>
            <a:ext cx="2910840" cy="374642"/>
          </a:xfrm>
        </p:spPr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371600" y="4323845"/>
            <a:ext cx="6400800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077200" y="1430866"/>
            <a:ext cx="2743200" cy="365125"/>
          </a:xfrm>
        </p:spPr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68383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777" y="4697360"/>
            <a:ext cx="10822034" cy="819355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81727" y="941439"/>
            <a:ext cx="10821840" cy="3478161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0" y="5516715"/>
            <a:ext cx="10820400" cy="701969"/>
          </a:xfrm>
        </p:spPr>
        <p:txBody>
          <a:bodyPr/>
          <a:lstStyle>
            <a:lvl1pPr marL="0" indent="0" algn="l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501631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753532"/>
            <a:ext cx="10820400" cy="2802467"/>
          </a:xfrm>
        </p:spPr>
        <p:txBody>
          <a:bodyPr anchor="ctr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467" y="3649133"/>
            <a:ext cx="10130516" cy="999067"/>
          </a:xfrm>
        </p:spPr>
        <p:txBody>
          <a:bodyPr anchor="ctr"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814452" y="381000"/>
            <a:ext cx="2910840" cy="365125"/>
          </a:xfrm>
        </p:spPr>
        <p:txBody>
          <a:bodyPr/>
          <a:lstStyle>
            <a:lvl1pPr algn="r">
              <a:defRPr/>
            </a:lvl1pPr>
          </a:lstStyle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685800" y="379941"/>
            <a:ext cx="6991492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862452" y="381000"/>
            <a:ext cx="643748" cy="365125"/>
          </a:xfrm>
        </p:spPr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232375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467" y="753533"/>
            <a:ext cx="10151533" cy="2604495"/>
          </a:xfrm>
        </p:spPr>
        <p:txBody>
          <a:bodyPr anchor="ctr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303865" y="3365556"/>
            <a:ext cx="9592736" cy="44444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467" y="3959862"/>
            <a:ext cx="10151533" cy="679871"/>
          </a:xfrm>
        </p:spPr>
        <p:txBody>
          <a:bodyPr anchor="ctr"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814452" y="381000"/>
            <a:ext cx="2910840" cy="365125"/>
          </a:xfrm>
        </p:spPr>
        <p:txBody>
          <a:bodyPr/>
          <a:lstStyle>
            <a:lvl1pPr algn="r">
              <a:defRPr/>
            </a:lvl1pPr>
          </a:lstStyle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685800" y="379941"/>
            <a:ext cx="6991492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862452" y="381000"/>
            <a:ext cx="643748" cy="365125"/>
          </a:xfrm>
        </p:spPr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476250" y="933450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10984230" y="2701290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172664199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495" y="1124701"/>
            <a:ext cx="10146186" cy="2511835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467" y="3648315"/>
            <a:ext cx="10144654" cy="999885"/>
          </a:xfrm>
        </p:spPr>
        <p:txBody>
          <a:bodyPr anchor="t"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814452" y="378883"/>
            <a:ext cx="2910840" cy="365125"/>
          </a:xfrm>
        </p:spPr>
        <p:txBody>
          <a:bodyPr/>
          <a:lstStyle>
            <a:lvl1pPr algn="r">
              <a:defRPr/>
            </a:lvl1pPr>
          </a:lstStyle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685800" y="378883"/>
            <a:ext cx="6991492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862452" y="381000"/>
            <a:ext cx="643748" cy="365125"/>
          </a:xfrm>
        </p:spPr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560341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2895600" y="761999"/>
            <a:ext cx="8610599" cy="130386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685800" y="2202080"/>
            <a:ext cx="3456432" cy="617320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685799" y="2904565"/>
            <a:ext cx="3456432" cy="331413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368800" y="2201333"/>
            <a:ext cx="3456432" cy="626534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4366858" y="2904067"/>
            <a:ext cx="3456432" cy="331461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8051800" y="2192866"/>
            <a:ext cx="3456432" cy="626534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8051801" y="2904565"/>
            <a:ext cx="3456432" cy="331413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913654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2895600" y="762000"/>
            <a:ext cx="8610599" cy="12954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688618" y="4191000"/>
            <a:ext cx="3451582" cy="682765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88618" y="2362200"/>
            <a:ext cx="3451582" cy="1524000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688618" y="4873764"/>
            <a:ext cx="3451582" cy="1344921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374263" y="4191000"/>
            <a:ext cx="3448935" cy="682765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374263" y="2362200"/>
            <a:ext cx="3448936" cy="1524000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4374264" y="4873763"/>
            <a:ext cx="3448935" cy="1344921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8049731" y="4191000"/>
            <a:ext cx="3456469" cy="682765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8049855" y="2362200"/>
            <a:ext cx="3447878" cy="1524000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8049731" y="4873761"/>
            <a:ext cx="3452445" cy="1344921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052838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85800" y="2194559"/>
            <a:ext cx="10820400" cy="402412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05415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448800" y="745066"/>
            <a:ext cx="2057400" cy="3903133"/>
          </a:xfrm>
        </p:spPr>
        <p:txBody>
          <a:bodyPr vert="eaVert"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24466" y="745067"/>
            <a:ext cx="8204201" cy="3903133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814452" y="379941"/>
            <a:ext cx="2910840" cy="365125"/>
          </a:xfrm>
        </p:spPr>
        <p:txBody>
          <a:bodyPr/>
          <a:lstStyle>
            <a:lvl1pPr algn="r">
              <a:defRPr/>
            </a:lvl1pPr>
          </a:lstStyle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685800" y="381000"/>
            <a:ext cx="6991492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862452" y="381000"/>
            <a:ext cx="643748" cy="365125"/>
          </a:xfrm>
        </p:spPr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8346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265313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753533"/>
            <a:ext cx="10820399" cy="2801935"/>
          </a:xfrm>
        </p:spPr>
        <p:txBody>
          <a:bodyPr anchor="b">
            <a:normAutofit/>
          </a:bodyPr>
          <a:lstStyle>
            <a:lvl1pPr algn="r"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467" y="3641725"/>
            <a:ext cx="10490200" cy="955675"/>
          </a:xfrm>
        </p:spPr>
        <p:txBody>
          <a:bodyPr>
            <a:normAutofit/>
          </a:bodyPr>
          <a:lstStyle>
            <a:lvl1pPr marL="0" indent="0" algn="r">
              <a:buNone/>
              <a:defRPr sz="22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814452" y="381000"/>
            <a:ext cx="2910840" cy="365125"/>
          </a:xfrm>
        </p:spPr>
        <p:txBody>
          <a:bodyPr/>
          <a:lstStyle>
            <a:lvl1pPr algn="r">
              <a:defRPr/>
            </a:lvl1pPr>
          </a:lstStyle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685800" y="381001"/>
            <a:ext cx="6991492" cy="36406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862452" y="381000"/>
            <a:ext cx="643748" cy="365125"/>
          </a:xfrm>
        </p:spPr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426621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5800" y="2194559"/>
            <a:ext cx="5334000" cy="40241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2194559"/>
            <a:ext cx="5334000" cy="40241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59550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95600" y="762000"/>
            <a:ext cx="8610600" cy="12954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14409" y="2183802"/>
            <a:ext cx="5079991" cy="823912"/>
          </a:xfrm>
        </p:spPr>
        <p:txBody>
          <a:bodyPr anchor="b">
            <a:normAutofit/>
          </a:bodyPr>
          <a:lstStyle>
            <a:lvl1pPr marL="0" indent="0">
              <a:buNone/>
              <a:defRPr sz="2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85800" y="3132666"/>
            <a:ext cx="5311775" cy="3086019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00800" y="2183802"/>
            <a:ext cx="5105400" cy="823912"/>
          </a:xfrm>
        </p:spPr>
        <p:txBody>
          <a:bodyPr anchor="b">
            <a:normAutofit/>
          </a:bodyPr>
          <a:lstStyle>
            <a:lvl1pPr marL="0" indent="0">
              <a:buNone/>
              <a:defRPr sz="2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3132666"/>
            <a:ext cx="5334000" cy="3086019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283134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499948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639925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1524000"/>
            <a:ext cx="4114800" cy="1600200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95582" y="746759"/>
            <a:ext cx="6510618" cy="5471925"/>
          </a:xfrm>
        </p:spPr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0" y="3124199"/>
            <a:ext cx="4114800" cy="309448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03750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1524000"/>
            <a:ext cx="6873240" cy="1600200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861238" y="751241"/>
            <a:ext cx="3644962" cy="5467443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0" y="3124199"/>
            <a:ext cx="6873240" cy="309448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62592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C0-HD-TOP.png"/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144145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895600" y="764373"/>
            <a:ext cx="8610600" cy="129302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5800" y="2194560"/>
            <a:ext cx="10820400" cy="402412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595360" y="6356350"/>
            <a:ext cx="291084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9404F3-9CA9-4A52-916C-580700BD729C}" type="datetimeFigureOut">
              <a:rPr lang="en-US" smtClean="0"/>
              <a:t>12/6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85800" y="6355845"/>
            <a:ext cx="7772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63000" y="38100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94D6036-D2D9-4C9A-9FA8-B15B74B18B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1567615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925" r:id="rId1"/>
    <p:sldLayoutId id="2147483926" r:id="rId2"/>
    <p:sldLayoutId id="2147483927" r:id="rId3"/>
    <p:sldLayoutId id="2147483928" r:id="rId4"/>
    <p:sldLayoutId id="2147483929" r:id="rId5"/>
    <p:sldLayoutId id="2147483930" r:id="rId6"/>
    <p:sldLayoutId id="2147483931" r:id="rId7"/>
    <p:sldLayoutId id="2147483932" r:id="rId8"/>
    <p:sldLayoutId id="2147483933" r:id="rId9"/>
    <p:sldLayoutId id="2147483934" r:id="rId10"/>
    <p:sldLayoutId id="2147483935" r:id="rId11"/>
    <p:sldLayoutId id="2147483936" r:id="rId12"/>
    <p:sldLayoutId id="2147483937" r:id="rId13"/>
    <p:sldLayoutId id="2147483938" r:id="rId14"/>
    <p:sldLayoutId id="2147483939" r:id="rId15"/>
    <p:sldLayoutId id="2147483940" r:id="rId16"/>
    <p:sldLayoutId id="2147483941" r:id="rId17"/>
  </p:sldLayoutIdLst>
  <p:txStyles>
    <p:titleStyle>
      <a:lvl1pPr algn="r" defTabSz="914400" rtl="0" eaLnBrk="1" latinLnBrk="0" hangingPunct="1">
        <a:lnSpc>
          <a:spcPct val="90000"/>
        </a:lnSpc>
        <a:spcBef>
          <a:spcPct val="0"/>
        </a:spcBef>
        <a:buNone/>
        <a:defRPr sz="400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2.png"/><Relationship Id="rId7" Type="http://schemas.openxmlformats.org/officeDocument/2006/relationships/diagramColors" Target="../diagrams/colors1.xm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/Relationships>
</file>

<file path=ppt/slides/_rels/slide3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.xml"/><Relationship Id="rId3" Type="http://schemas.openxmlformats.org/officeDocument/2006/relationships/image" Target="../media/image2.png"/><Relationship Id="rId7" Type="http://schemas.openxmlformats.org/officeDocument/2006/relationships/diagramColors" Target="../diagrams/colors2.xm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6" Type="http://schemas.openxmlformats.org/officeDocument/2006/relationships/diagramQuickStyle" Target="../diagrams/quickStyle2.xml"/><Relationship Id="rId5" Type="http://schemas.openxmlformats.org/officeDocument/2006/relationships/diagramLayout" Target="../diagrams/layout2.xml"/><Relationship Id="rId4" Type="http://schemas.openxmlformats.org/officeDocument/2006/relationships/diagramData" Target="../diagrams/data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image" Target="../media/image1.pn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slideLayout" Target="../slideLayouts/slideLayout2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4.xml"/><Relationship Id="rId7" Type="http://schemas.microsoft.com/office/2007/relationships/diagramDrawing" Target="../diagrams/drawing4.xm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4.xml"/><Relationship Id="rId5" Type="http://schemas.openxmlformats.org/officeDocument/2006/relationships/diagramQuickStyle" Target="../diagrams/quickStyle4.xml"/><Relationship Id="rId4" Type="http://schemas.openxmlformats.org/officeDocument/2006/relationships/diagramLayout" Target="../diagrams/layout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pattFill prst="pct5">
          <a:fgClr>
            <a:schemeClr val="bg1"/>
          </a:fgClr>
          <a:bgClr>
            <a:schemeClr val="bg1"/>
          </a:bgClr>
        </a:patt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3E7B57-E4FA-4AE2-9B30-949C3663F4F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470137" y="702366"/>
            <a:ext cx="8246993" cy="2146852"/>
          </a:xfrm>
        </p:spPr>
        <p:txBody>
          <a:bodyPr>
            <a:normAutofit/>
          </a:bodyPr>
          <a:lstStyle/>
          <a:p>
            <a:r>
              <a:rPr lang="en-US" dirty="0"/>
              <a:t>Listing2Leasing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FE1C84D-64C7-429B-A00A-9BF73FB5E5F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642415" y="3046167"/>
            <a:ext cx="7372350" cy="1388892"/>
          </a:xfrm>
        </p:spPr>
        <p:txBody>
          <a:bodyPr>
            <a:normAutofit fontScale="92500" lnSpcReduction="20000"/>
          </a:bodyPr>
          <a:lstStyle/>
          <a:p>
            <a:r>
              <a:rPr lang="en-US" dirty="0" err="1"/>
              <a:t>Prashansa</a:t>
            </a:r>
            <a:r>
              <a:rPr lang="en-US" dirty="0"/>
              <a:t> </a:t>
            </a:r>
            <a:r>
              <a:rPr lang="en-US" dirty="0" err="1"/>
              <a:t>Nande</a:t>
            </a:r>
            <a:endParaRPr lang="en-US" dirty="0"/>
          </a:p>
          <a:p>
            <a:r>
              <a:rPr lang="en-US" dirty="0"/>
              <a:t>Keerthi </a:t>
            </a:r>
            <a:r>
              <a:rPr lang="en-US" dirty="0" err="1"/>
              <a:t>Racherla</a:t>
            </a:r>
            <a:endParaRPr lang="en-US" dirty="0"/>
          </a:p>
          <a:p>
            <a:r>
              <a:rPr lang="en-US" dirty="0" err="1"/>
              <a:t>Niva</a:t>
            </a:r>
            <a:r>
              <a:rPr lang="en-US" dirty="0"/>
              <a:t> </a:t>
            </a:r>
            <a:r>
              <a:rPr lang="en-US" dirty="0" err="1"/>
              <a:t>Thekdi</a:t>
            </a:r>
            <a:endParaRPr lang="en-US" dirty="0"/>
          </a:p>
          <a:p>
            <a:r>
              <a:rPr lang="en-US" dirty="0"/>
              <a:t>Sudheer Ambati</a:t>
            </a:r>
          </a:p>
        </p:txBody>
      </p:sp>
    </p:spTree>
    <p:extLst>
      <p:ext uri="{BB962C8B-B14F-4D97-AF65-F5344CB8AC3E}">
        <p14:creationId xmlns:p14="http://schemas.microsoft.com/office/powerpoint/2010/main" val="50448452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5" name="Rounded Rectangle 14">
            <a:extLst>
              <a:ext uri="{FF2B5EF4-FFF2-40B4-BE49-F238E27FC236}">
                <a16:creationId xmlns:a16="http://schemas.microsoft.com/office/drawing/2014/main" id="{843DD86A-8FAA-443F-9211-42A2AE8A790C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636008" y="0"/>
            <a:ext cx="7555992" cy="6858000"/>
          </a:xfrm>
          <a:prstGeom prst="roundRect">
            <a:avLst>
              <a:gd name="adj" fmla="val 0"/>
            </a:avLst>
          </a:prstGeom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1">
            <a:extLst>
              <a:ext uri="{FF2B5EF4-FFF2-40B4-BE49-F238E27FC236}">
                <a16:creationId xmlns:a16="http://schemas.microsoft.com/office/drawing/2014/main" id="{C2A13AAE-18EB-4BDF-BAF7-F2F97B8D00D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4636008" cy="6858000"/>
          </a:xfrm>
          <a:prstGeom prst="rect">
            <a:avLst/>
          </a:prstGeom>
          <a:solidFill>
            <a:schemeClr val="tx1"/>
          </a:solidFill>
          <a:ln>
            <a:noFill/>
          </a:ln>
          <a:effectLst>
            <a:outerShdw blurRad="635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 descr="A picture containing indoor, sitting&#10;&#10;Description generated with high confidence">
            <a:extLst>
              <a:ext uri="{FF2B5EF4-FFF2-40B4-BE49-F238E27FC236}">
                <a16:creationId xmlns:a16="http://schemas.microsoft.com/office/drawing/2014/main" id="{0F5C1B21-B0DB-4206-99EE-C13D67038B9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1975"/>
          <a:stretch/>
        </p:blipFill>
        <p:spPr>
          <a:xfrm>
            <a:off x="0" y="0"/>
            <a:ext cx="4636008" cy="1441450"/>
          </a:xfrm>
          <a:prstGeom prst="rect">
            <a:avLst/>
          </a:prstGeom>
        </p:spPr>
      </p:pic>
      <p:pic>
        <p:nvPicPr>
          <p:cNvPr id="16" name="Picture 15" descr="A picture containing sitting&#10;&#10;Description generated with high confidence">
            <a:extLst>
              <a:ext uri="{FF2B5EF4-FFF2-40B4-BE49-F238E27FC236}">
                <a16:creationId xmlns:a16="http://schemas.microsoft.com/office/drawing/2014/main" id="{49261589-06E9-4B7C-A8F1-26648507B77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1975"/>
          <a:stretch/>
        </p:blipFill>
        <p:spPr>
          <a:xfrm>
            <a:off x="0" y="4375150"/>
            <a:ext cx="4636008" cy="248285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25529B3D-535F-4608-BCB4-41B91B4DDC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5800" y="1066163"/>
            <a:ext cx="3306744" cy="5148371"/>
          </a:xfrm>
        </p:spPr>
        <p:txBody>
          <a:bodyPr>
            <a:norm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L2l Overview</a:t>
            </a:r>
          </a:p>
        </p:txBody>
      </p:sp>
      <p:graphicFrame>
        <p:nvGraphicFramePr>
          <p:cNvPr id="18" name="Content Placeholder 2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75965761"/>
              </p:ext>
            </p:extLst>
          </p:nvPr>
        </p:nvGraphicFramePr>
        <p:xfrm>
          <a:off x="5483439" y="766789"/>
          <a:ext cx="6290226" cy="54477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  <p:extLst>
      <p:ext uri="{BB962C8B-B14F-4D97-AF65-F5344CB8AC3E}">
        <p14:creationId xmlns:p14="http://schemas.microsoft.com/office/powerpoint/2010/main" val="94536188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5" name="Rounded Rectangle 14">
            <a:extLst>
              <a:ext uri="{FF2B5EF4-FFF2-40B4-BE49-F238E27FC236}">
                <a16:creationId xmlns:a16="http://schemas.microsoft.com/office/drawing/2014/main" id="{843DD86A-8FAA-443F-9211-42A2AE8A790C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636008" y="0"/>
            <a:ext cx="7555992" cy="6858000"/>
          </a:xfrm>
          <a:prstGeom prst="roundRect">
            <a:avLst>
              <a:gd name="adj" fmla="val 0"/>
            </a:avLst>
          </a:prstGeom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7" name="Rectangle 11">
            <a:extLst>
              <a:ext uri="{FF2B5EF4-FFF2-40B4-BE49-F238E27FC236}">
                <a16:creationId xmlns:a16="http://schemas.microsoft.com/office/drawing/2014/main" id="{C2A13AAE-18EB-4BDF-BAF7-F2F97B8D00D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4636008" cy="6858000"/>
          </a:xfrm>
          <a:prstGeom prst="rect">
            <a:avLst/>
          </a:prstGeom>
          <a:solidFill>
            <a:schemeClr val="tx1"/>
          </a:solidFill>
          <a:ln>
            <a:noFill/>
          </a:ln>
          <a:effectLst>
            <a:outerShdw blurRad="63500" dist="38100" algn="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pic>
        <p:nvPicPr>
          <p:cNvPr id="14" name="Picture 13" descr="A picture containing indoor, sitting&#10;&#10;Description generated with high confidence">
            <a:extLst>
              <a:ext uri="{FF2B5EF4-FFF2-40B4-BE49-F238E27FC236}">
                <a16:creationId xmlns:a16="http://schemas.microsoft.com/office/drawing/2014/main" id="{0F5C1B21-B0DB-4206-99EE-C13D67038B9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1975"/>
          <a:stretch/>
        </p:blipFill>
        <p:spPr>
          <a:xfrm>
            <a:off x="0" y="0"/>
            <a:ext cx="4636008" cy="1441450"/>
          </a:xfrm>
          <a:prstGeom prst="rect">
            <a:avLst/>
          </a:prstGeom>
        </p:spPr>
      </p:pic>
      <p:pic>
        <p:nvPicPr>
          <p:cNvPr id="16" name="Picture 15" descr="A picture containing sitting&#10;&#10;Description generated with high confidence">
            <a:extLst>
              <a:ext uri="{FF2B5EF4-FFF2-40B4-BE49-F238E27FC236}">
                <a16:creationId xmlns:a16="http://schemas.microsoft.com/office/drawing/2014/main" id="{49261589-06E9-4B7C-A8F1-26648507B77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1975"/>
          <a:stretch/>
        </p:blipFill>
        <p:spPr>
          <a:xfrm>
            <a:off x="0" y="4375150"/>
            <a:ext cx="4636008" cy="248285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25529B3D-535F-4608-BCB4-41B91B4DDC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5800" y="1066163"/>
            <a:ext cx="3306744" cy="5148371"/>
          </a:xfrm>
        </p:spPr>
        <p:txBody>
          <a:bodyPr>
            <a:norm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Project Overview</a:t>
            </a:r>
          </a:p>
        </p:txBody>
      </p:sp>
      <p:graphicFrame>
        <p:nvGraphicFramePr>
          <p:cNvPr id="18" name="Content Placeholder 2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116551131"/>
              </p:ext>
            </p:extLst>
          </p:nvPr>
        </p:nvGraphicFramePr>
        <p:xfrm>
          <a:off x="5483439" y="766789"/>
          <a:ext cx="6290226" cy="54477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  <p:extLst>
      <p:ext uri="{BB962C8B-B14F-4D97-AF65-F5344CB8AC3E}">
        <p14:creationId xmlns:p14="http://schemas.microsoft.com/office/powerpoint/2010/main" val="722436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44" name="Rectangle 43">
            <a:extLst>
              <a:ext uri="{FF2B5EF4-FFF2-40B4-BE49-F238E27FC236}">
                <a16:creationId xmlns:a16="http://schemas.microsoft.com/office/drawing/2014/main" id="{86CD3965-7576-4EBB-9FEA-0E73E2DB4AC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2286000"/>
            <a:ext cx="12192000" cy="4572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id="{FA4B15F5-9B02-4280-9F50-172515BF4C6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2286000"/>
          </a:xfrm>
          <a:prstGeom prst="rect">
            <a:avLst/>
          </a:prstGeom>
          <a:solidFill>
            <a:schemeClr val="tx1"/>
          </a:solidFill>
          <a:ln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8" name="Picture 47">
            <a:extLst>
              <a:ext uri="{FF2B5EF4-FFF2-40B4-BE49-F238E27FC236}">
                <a16:creationId xmlns:a16="http://schemas.microsoft.com/office/drawing/2014/main" id="{E3A5BBF0-37C3-4339-BD51-F7A980A93B6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144145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D6ACD20-2F1E-4F92-8528-7595EC30BB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8939" y="642527"/>
            <a:ext cx="8610600" cy="1293028"/>
          </a:xfrm>
        </p:spPr>
        <p:txBody>
          <a:bodyPr>
            <a:norm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Project Scope / L2L Expectations</a:t>
            </a:r>
          </a:p>
        </p:txBody>
      </p:sp>
      <p:graphicFrame>
        <p:nvGraphicFramePr>
          <p:cNvPr id="21" name="Content Placeholder 2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48297180"/>
              </p:ext>
            </p:extLst>
          </p:nvPr>
        </p:nvGraphicFramePr>
        <p:xfrm>
          <a:off x="685800" y="2878138"/>
          <a:ext cx="10820400" cy="33401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47077417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44" name="Rectangle 46">
            <a:extLst>
              <a:ext uri="{FF2B5EF4-FFF2-40B4-BE49-F238E27FC236}">
                <a16:creationId xmlns:a16="http://schemas.microsoft.com/office/drawing/2014/main" id="{86CD3965-7576-4EBB-9FEA-0E73E2DB4AC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2286000"/>
            <a:ext cx="12192000" cy="4572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FA4B15F5-9B02-4280-9F50-172515BF4C6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2286000"/>
          </a:xfrm>
          <a:prstGeom prst="rect">
            <a:avLst/>
          </a:prstGeom>
          <a:solidFill>
            <a:schemeClr val="tx1"/>
          </a:solidFill>
          <a:ln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1" name="Picture 50" descr="A picture containing indoor, sitting&#10;&#10;Description generated with high confidence">
            <a:extLst>
              <a:ext uri="{FF2B5EF4-FFF2-40B4-BE49-F238E27FC236}">
                <a16:creationId xmlns:a16="http://schemas.microsoft.com/office/drawing/2014/main" id="{E3A5BBF0-37C3-4339-BD51-F7A980A93B6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>
          <a:blip r:embed="rId6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144145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694FA07C-40FE-4CA3-8455-FF6034D3E2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522069" y="577186"/>
            <a:ext cx="8610600" cy="1293028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Current Status</a:t>
            </a:r>
          </a:p>
        </p:txBody>
      </p:sp>
      <p:cxnSp>
        <p:nvCxnSpPr>
          <p:cNvPr id="77" name="OTLSHAPE_T_5a37eb337d6e4d11b82b0631c48a4fe7_RightVerticalConnector1">
            <a:extLst>
              <a:ext uri="{FF2B5EF4-FFF2-40B4-BE49-F238E27FC236}">
                <a16:creationId xmlns:a16="http://schemas.microsoft.com/office/drawing/2014/main" id="{F98DCD58-A52C-4D7A-B67B-9D275831B4D3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11147401" y="5227341"/>
            <a:ext cx="0" cy="256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_5a37eb337d6e4d11b82b0631c48a4fe7_LeftVerticalConnector1">
            <a:extLst>
              <a:ext uri="{FF2B5EF4-FFF2-40B4-BE49-F238E27FC236}">
                <a16:creationId xmlns:a16="http://schemas.microsoft.com/office/drawing/2014/main" id="{21470710-3C20-4693-A9E8-DF4CD0BCE94B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10290082" y="5227341"/>
            <a:ext cx="0" cy="256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_3e2c53d2f6a34906bcaf9840461bd2b9_RightVerticalConnector2">
            <a:extLst>
              <a:ext uri="{FF2B5EF4-FFF2-40B4-BE49-F238E27FC236}">
                <a16:creationId xmlns:a16="http://schemas.microsoft.com/office/drawing/2014/main" id="{F8D3ED65-22E7-4A34-A7F6-A1A8ED87B637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10397182" y="5227341"/>
            <a:ext cx="0" cy="256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_3e2c53d2f6a34906bcaf9840461bd2b9_RightVerticalConnector1">
            <a:extLst>
              <a:ext uri="{FF2B5EF4-FFF2-40B4-BE49-F238E27FC236}">
                <a16:creationId xmlns:a16="http://schemas.microsoft.com/office/drawing/2014/main" id="{31C1FF6D-71D0-487D-8EB1-D9FC6B48B1A2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0397182" y="4907217"/>
            <a:ext cx="0" cy="1169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_3e2c53d2f6a34906bcaf9840461bd2b9_LeftVerticalConnector2">
            <a:extLst>
              <a:ext uri="{FF2B5EF4-FFF2-40B4-BE49-F238E27FC236}">
                <a16:creationId xmlns:a16="http://schemas.microsoft.com/office/drawing/2014/main" id="{554F5459-3BF3-4D57-947D-F79F551FD473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8789643" y="5211001"/>
            <a:ext cx="0" cy="2729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3e2c53d2f6a34906bcaf9840461bd2b9_LeftVerticalConnector1">
            <a:extLst>
              <a:ext uri="{FF2B5EF4-FFF2-40B4-BE49-F238E27FC236}">
                <a16:creationId xmlns:a16="http://schemas.microsoft.com/office/drawing/2014/main" id="{51CCA8DD-434F-4BFA-AAB5-3948641EF670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8789643" y="4907217"/>
            <a:ext cx="0" cy="1332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T_ca25d73fe53d42c5b4899ba97540951b_RightVerticalConnector3">
            <a:extLst>
              <a:ext uri="{FF2B5EF4-FFF2-40B4-BE49-F238E27FC236}">
                <a16:creationId xmlns:a16="http://schemas.microsoft.com/office/drawing/2014/main" id="{467B4121-6354-49A9-BCD0-C9BEEE1E7FFE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8896743" y="5211001"/>
            <a:ext cx="0" cy="2729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_ca25d73fe53d42c5b4899ba97540951b_RightVerticalConnector2">
            <a:extLst>
              <a:ext uri="{FF2B5EF4-FFF2-40B4-BE49-F238E27FC236}">
                <a16:creationId xmlns:a16="http://schemas.microsoft.com/office/drawing/2014/main" id="{041B6E50-4EC4-4645-8D64-B52878C801F0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8896743" y="4907217"/>
            <a:ext cx="0" cy="1332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_ca25d73fe53d42c5b4899ba97540951b_RightVerticalConnector1">
            <a:extLst>
              <a:ext uri="{FF2B5EF4-FFF2-40B4-BE49-F238E27FC236}">
                <a16:creationId xmlns:a16="http://schemas.microsoft.com/office/drawing/2014/main" id="{D7C6AF20-0CD5-4CB2-9CF7-E60A42DB3F6C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8896743" y="464051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_ca25d73fe53d42c5b4899ba97540951b_LeftVerticalConnector2">
            <a:extLst>
              <a:ext uri="{FF2B5EF4-FFF2-40B4-BE49-F238E27FC236}">
                <a16:creationId xmlns:a16="http://schemas.microsoft.com/office/drawing/2014/main" id="{F470C92D-7E99-4F64-8AE9-73BF91AA9F51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7289204" y="4890876"/>
            <a:ext cx="0" cy="5930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_ca25d73fe53d42c5b4899ba97540951b_LeftVerticalConnector1">
            <a:extLst>
              <a:ext uri="{FF2B5EF4-FFF2-40B4-BE49-F238E27FC236}">
                <a16:creationId xmlns:a16="http://schemas.microsoft.com/office/drawing/2014/main" id="{1E1F0137-0973-46A4-B863-FF44359A54BF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7289204" y="4640517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ac924c0be6e5414486d11dcb102b9620_RightVerticalConnector3">
            <a:extLst>
              <a:ext uri="{FF2B5EF4-FFF2-40B4-BE49-F238E27FC236}">
                <a16:creationId xmlns:a16="http://schemas.microsoft.com/office/drawing/2014/main" id="{641189BB-DDDB-4782-A90D-2BB8F5582FBF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7396305" y="4890876"/>
            <a:ext cx="0" cy="5930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_ac924c0be6e5414486d11dcb102b9620_RightVerticalConnector2">
            <a:extLst>
              <a:ext uri="{FF2B5EF4-FFF2-40B4-BE49-F238E27FC236}">
                <a16:creationId xmlns:a16="http://schemas.microsoft.com/office/drawing/2014/main" id="{82B857A6-3642-4921-B4C2-86FFF2D1C9EA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7396305" y="4640517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T_ac924c0be6e5414486d11dcb102b9620_RightVerticalConnector1">
            <a:extLst>
              <a:ext uri="{FF2B5EF4-FFF2-40B4-BE49-F238E27FC236}">
                <a16:creationId xmlns:a16="http://schemas.microsoft.com/office/drawing/2014/main" id="{4850FB32-1062-428D-ADD6-CDFB51D413C8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7396305" y="437381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_ac924c0be6e5414486d11dcb102b9620_LeftVerticalConnector1">
            <a:extLst>
              <a:ext uri="{FF2B5EF4-FFF2-40B4-BE49-F238E27FC236}">
                <a16:creationId xmlns:a16="http://schemas.microsoft.com/office/drawing/2014/main" id="{29D62AC2-A852-416D-A21E-C4D44D02EBD3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5788766" y="4373817"/>
            <a:ext cx="0" cy="1110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_a66fb99f8b4040e09f16770f14329828_RightVerticalConnector2">
            <a:extLst>
              <a:ext uri="{FF2B5EF4-FFF2-40B4-BE49-F238E27FC236}">
                <a16:creationId xmlns:a16="http://schemas.microsoft.com/office/drawing/2014/main" id="{4B23CD66-944E-4CF6-845E-1116A062A521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5895866" y="4373817"/>
            <a:ext cx="0" cy="1110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_a66fb99f8b4040e09f16770f14329828_RightVerticalConnector1">
            <a:extLst>
              <a:ext uri="{FF2B5EF4-FFF2-40B4-BE49-F238E27FC236}">
                <a16:creationId xmlns:a16="http://schemas.microsoft.com/office/drawing/2014/main" id="{8DC2F122-3790-4AD2-BA24-DBB68DD9AEF3}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5895866" y="410711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_a66fb99f8b4040e09f16770f14329828_LeftVerticalConnector2">
            <a:extLst>
              <a:ext uri="{FF2B5EF4-FFF2-40B4-BE49-F238E27FC236}">
                <a16:creationId xmlns:a16="http://schemas.microsoft.com/office/drawing/2014/main" id="{1C2BCB09-6C71-4C6E-8425-C6AC9F6C7858}"/>
              </a:ext>
            </a:extLst>
          </p:cNvPr>
          <p:cNvCxnSpPr>
            <a:cxnSpLocks/>
          </p:cNvCxnSpPr>
          <p:nvPr>
            <p:custDataLst>
              <p:tags r:id="rId18"/>
            </p:custDataLst>
          </p:nvPr>
        </p:nvCxnSpPr>
        <p:spPr>
          <a:xfrm>
            <a:off x="4288328" y="4357476"/>
            <a:ext cx="0" cy="11264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_a66fb99f8b4040e09f16770f14329828_LeftVerticalConnector1">
            <a:extLst>
              <a:ext uri="{FF2B5EF4-FFF2-40B4-BE49-F238E27FC236}">
                <a16:creationId xmlns:a16="http://schemas.microsoft.com/office/drawing/2014/main" id="{3099CA56-DDCF-4435-9D25-D8BB0E8E4110}"/>
              </a:ext>
            </a:extLst>
          </p:cNvPr>
          <p:cNvCxnSpPr>
            <a:cxnSpLocks/>
          </p:cNvCxnSpPr>
          <p:nvPr>
            <p:custDataLst>
              <p:tags r:id="rId19"/>
            </p:custDataLst>
          </p:nvPr>
        </p:nvCxnSpPr>
        <p:spPr>
          <a:xfrm>
            <a:off x="4288328" y="4107117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_ba8be8b7b1b9493db1e8ea525f8242ca_RightVerticalConnector3">
            <a:extLst>
              <a:ext uri="{FF2B5EF4-FFF2-40B4-BE49-F238E27FC236}">
                <a16:creationId xmlns:a16="http://schemas.microsoft.com/office/drawing/2014/main" id="{5B2F0A3E-1B11-4969-B6F4-93220555B417}"/>
              </a:ext>
            </a:extLst>
          </p:cNvPr>
          <p:cNvCxnSpPr>
            <a:cxnSpLocks/>
          </p:cNvCxnSpPr>
          <p:nvPr>
            <p:custDataLst>
              <p:tags r:id="rId20"/>
            </p:custDataLst>
          </p:nvPr>
        </p:nvCxnSpPr>
        <p:spPr>
          <a:xfrm>
            <a:off x="4395427" y="4357476"/>
            <a:ext cx="0" cy="11264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T_ba8be8b7b1b9493db1e8ea525f8242ca_RightVerticalConnector2">
            <a:extLst>
              <a:ext uri="{FF2B5EF4-FFF2-40B4-BE49-F238E27FC236}">
                <a16:creationId xmlns:a16="http://schemas.microsoft.com/office/drawing/2014/main" id="{06393A3B-45F7-47E8-9FAC-3F5A229200CE}"/>
              </a:ext>
            </a:extLst>
          </p:cNvPr>
          <p:cNvCxnSpPr>
            <a:cxnSpLocks/>
          </p:cNvCxnSpPr>
          <p:nvPr>
            <p:custDataLst>
              <p:tags r:id="rId21"/>
            </p:custDataLst>
          </p:nvPr>
        </p:nvCxnSpPr>
        <p:spPr>
          <a:xfrm>
            <a:off x="4395427" y="4107117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T_ba8be8b7b1b9493db1e8ea525f8242ca_LeftVerticalConnector2">
            <a:extLst>
              <a:ext uri="{FF2B5EF4-FFF2-40B4-BE49-F238E27FC236}">
                <a16:creationId xmlns:a16="http://schemas.microsoft.com/office/drawing/2014/main" id="{3BC7AECF-9BEC-413A-B790-CE3BBD30AE76}"/>
              </a:ext>
            </a:extLst>
          </p:cNvPr>
          <p:cNvCxnSpPr>
            <a:cxnSpLocks/>
          </p:cNvCxnSpPr>
          <p:nvPr>
            <p:custDataLst>
              <p:tags r:id="rId22"/>
            </p:custDataLst>
          </p:nvPr>
        </p:nvCxnSpPr>
        <p:spPr>
          <a:xfrm>
            <a:off x="2787889" y="4090776"/>
            <a:ext cx="0" cy="13931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T_ba8be8b7b1b9493db1e8ea525f8242ca_LeftVerticalConnector1">
            <a:extLst>
              <a:ext uri="{FF2B5EF4-FFF2-40B4-BE49-F238E27FC236}">
                <a16:creationId xmlns:a16="http://schemas.microsoft.com/office/drawing/2014/main" id="{C73A3473-692E-4A8C-8712-6B1A121C85E0}"/>
              </a:ext>
            </a:extLst>
          </p:cNvPr>
          <p:cNvCxnSpPr>
            <a:cxnSpLocks/>
          </p:cNvCxnSpPr>
          <p:nvPr>
            <p:custDataLst>
              <p:tags r:id="rId23"/>
            </p:custDataLst>
          </p:nvPr>
        </p:nvCxnSpPr>
        <p:spPr>
          <a:xfrm>
            <a:off x="2787889" y="3840417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T_d4cd7e212019466eaf4c358c0c737b96_RightVerticalConnector3">
            <a:extLst>
              <a:ext uri="{FF2B5EF4-FFF2-40B4-BE49-F238E27FC236}">
                <a16:creationId xmlns:a16="http://schemas.microsoft.com/office/drawing/2014/main" id="{7DCA48B8-4A73-4CB1-BE0E-6C61FC629476}"/>
              </a:ext>
            </a:extLst>
          </p:cNvPr>
          <p:cNvCxnSpPr>
            <a:cxnSpLocks/>
          </p:cNvCxnSpPr>
          <p:nvPr>
            <p:custDataLst>
              <p:tags r:id="rId24"/>
            </p:custDataLst>
          </p:nvPr>
        </p:nvCxnSpPr>
        <p:spPr>
          <a:xfrm>
            <a:off x="2894989" y="4090776"/>
            <a:ext cx="0" cy="13931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_d4cd7e212019466eaf4c358c0c737b96_RightVerticalConnector2">
            <a:extLst>
              <a:ext uri="{FF2B5EF4-FFF2-40B4-BE49-F238E27FC236}">
                <a16:creationId xmlns:a16="http://schemas.microsoft.com/office/drawing/2014/main" id="{16077ED9-AD91-428B-9373-BC654A82B2B3}"/>
              </a:ext>
            </a:extLst>
          </p:cNvPr>
          <p:cNvCxnSpPr>
            <a:cxnSpLocks/>
          </p:cNvCxnSpPr>
          <p:nvPr>
            <p:custDataLst>
              <p:tags r:id="rId25"/>
            </p:custDataLst>
          </p:nvPr>
        </p:nvCxnSpPr>
        <p:spPr>
          <a:xfrm>
            <a:off x="2894989" y="3840417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T_d4cd7e212019466eaf4c358c0c737b96_RightVerticalConnector1">
            <a:extLst>
              <a:ext uri="{FF2B5EF4-FFF2-40B4-BE49-F238E27FC236}">
                <a16:creationId xmlns:a16="http://schemas.microsoft.com/office/drawing/2014/main" id="{C9DDAAD4-720E-4C49-B79F-5860B80C7846}"/>
              </a:ext>
            </a:extLst>
          </p:cNvPr>
          <p:cNvCxnSpPr>
            <a:cxnSpLocks/>
          </p:cNvCxnSpPr>
          <p:nvPr>
            <p:custDataLst>
              <p:tags r:id="rId26"/>
            </p:custDataLst>
          </p:nvPr>
        </p:nvCxnSpPr>
        <p:spPr>
          <a:xfrm>
            <a:off x="2894989" y="3504798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d4cd7e212019466eaf4c358c0c737b96_LeftVerticalConnector2">
            <a:extLst>
              <a:ext uri="{FF2B5EF4-FFF2-40B4-BE49-F238E27FC236}">
                <a16:creationId xmlns:a16="http://schemas.microsoft.com/office/drawing/2014/main" id="{44C107E1-AD79-4C1F-973C-9F7356BC7EF3}"/>
              </a:ext>
            </a:extLst>
          </p:cNvPr>
          <p:cNvCxnSpPr>
            <a:cxnSpLocks/>
          </p:cNvCxnSpPr>
          <p:nvPr>
            <p:custDataLst>
              <p:tags r:id="rId27"/>
            </p:custDataLst>
          </p:nvPr>
        </p:nvCxnSpPr>
        <p:spPr>
          <a:xfrm>
            <a:off x="2037669" y="3824076"/>
            <a:ext cx="0" cy="16598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_d4cd7e212019466eaf4c358c0c737b96_LeftVerticalConnector1">
            <a:extLst>
              <a:ext uri="{FF2B5EF4-FFF2-40B4-BE49-F238E27FC236}">
                <a16:creationId xmlns:a16="http://schemas.microsoft.com/office/drawing/2014/main" id="{467133A0-A5F2-40A2-8F6E-6761DAE4D725}"/>
              </a:ext>
            </a:extLst>
          </p:cNvPr>
          <p:cNvCxnSpPr>
            <a:cxnSpLocks/>
          </p:cNvCxnSpPr>
          <p:nvPr>
            <p:custDataLst>
              <p:tags r:id="rId28"/>
            </p:custDataLst>
          </p:nvPr>
        </p:nvCxnSpPr>
        <p:spPr>
          <a:xfrm>
            <a:off x="2037669" y="3504798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T_452e55896f6c48919d077539225d27d2_RightVerticalConnector3">
            <a:extLst>
              <a:ext uri="{FF2B5EF4-FFF2-40B4-BE49-F238E27FC236}">
                <a16:creationId xmlns:a16="http://schemas.microsoft.com/office/drawing/2014/main" id="{6F856477-638F-45F7-9956-9F5D86980008}"/>
              </a:ext>
            </a:extLst>
          </p:cNvPr>
          <p:cNvCxnSpPr>
            <a:cxnSpLocks/>
          </p:cNvCxnSpPr>
          <p:nvPr>
            <p:custDataLst>
              <p:tags r:id="rId29"/>
            </p:custDataLst>
          </p:nvPr>
        </p:nvCxnSpPr>
        <p:spPr>
          <a:xfrm>
            <a:off x="2144769" y="3824076"/>
            <a:ext cx="0" cy="16598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_452e55896f6c48919d077539225d27d2_RightVerticalConnector2">
            <a:extLst>
              <a:ext uri="{FF2B5EF4-FFF2-40B4-BE49-F238E27FC236}">
                <a16:creationId xmlns:a16="http://schemas.microsoft.com/office/drawing/2014/main" id="{F6CAB7C3-E355-4E19-B1A1-5F833788E6B6}"/>
              </a:ext>
            </a:extLst>
          </p:cNvPr>
          <p:cNvCxnSpPr>
            <a:cxnSpLocks/>
          </p:cNvCxnSpPr>
          <p:nvPr>
            <p:custDataLst>
              <p:tags r:id="rId30"/>
            </p:custDataLst>
          </p:nvPr>
        </p:nvCxnSpPr>
        <p:spPr>
          <a:xfrm>
            <a:off x="2144769" y="3504798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_452e55896f6c48919d077539225d27d2_RightVerticalConnector1">
            <a:extLst>
              <a:ext uri="{FF2B5EF4-FFF2-40B4-BE49-F238E27FC236}">
                <a16:creationId xmlns:a16="http://schemas.microsoft.com/office/drawing/2014/main" id="{DCBD117D-4041-44D5-90B5-AFD7F956F767}"/>
              </a:ext>
            </a:extLst>
          </p:cNvPr>
          <p:cNvCxnSpPr>
            <a:cxnSpLocks/>
          </p:cNvCxnSpPr>
          <p:nvPr>
            <p:custDataLst>
              <p:tags r:id="rId31"/>
            </p:custDataLst>
          </p:nvPr>
        </p:nvCxnSpPr>
        <p:spPr>
          <a:xfrm>
            <a:off x="2144769" y="3169179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_452e55896f6c48919d077539225d27d2_LeftVerticalConnector3">
            <a:extLst>
              <a:ext uri="{FF2B5EF4-FFF2-40B4-BE49-F238E27FC236}">
                <a16:creationId xmlns:a16="http://schemas.microsoft.com/office/drawing/2014/main" id="{CD6D4F26-FFF7-4CF3-A1C8-2CEA6FAF296F}"/>
              </a:ext>
            </a:extLst>
          </p:cNvPr>
          <p:cNvCxnSpPr>
            <a:cxnSpLocks/>
          </p:cNvCxnSpPr>
          <p:nvPr>
            <p:custDataLst>
              <p:tags r:id="rId32"/>
            </p:custDataLst>
          </p:nvPr>
        </p:nvCxnSpPr>
        <p:spPr>
          <a:xfrm>
            <a:off x="1287450" y="3824076"/>
            <a:ext cx="0" cy="16598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_452e55896f6c48919d077539225d27d2_LeftVerticalConnector2">
            <a:extLst>
              <a:ext uri="{FF2B5EF4-FFF2-40B4-BE49-F238E27FC236}">
                <a16:creationId xmlns:a16="http://schemas.microsoft.com/office/drawing/2014/main" id="{AA551C22-F07F-42A3-9CE2-E6FD392E017A}"/>
              </a:ext>
            </a:extLst>
          </p:cNvPr>
          <p:cNvCxnSpPr>
            <a:cxnSpLocks/>
          </p:cNvCxnSpPr>
          <p:nvPr>
            <p:custDataLst>
              <p:tags r:id="rId33"/>
            </p:custDataLst>
          </p:nvPr>
        </p:nvCxnSpPr>
        <p:spPr>
          <a:xfrm>
            <a:off x="1287450" y="3573717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_452e55896f6c48919d077539225d27d2_LeftVerticalConnector1">
            <a:extLst>
              <a:ext uri="{FF2B5EF4-FFF2-40B4-BE49-F238E27FC236}">
                <a16:creationId xmlns:a16="http://schemas.microsoft.com/office/drawing/2014/main" id="{7DA87041-A657-4320-8820-6262872ED68B}"/>
              </a:ext>
            </a:extLst>
          </p:cNvPr>
          <p:cNvCxnSpPr>
            <a:cxnSpLocks/>
          </p:cNvCxnSpPr>
          <p:nvPr>
            <p:custDataLst>
              <p:tags r:id="rId34"/>
            </p:custDataLst>
          </p:nvPr>
        </p:nvCxnSpPr>
        <p:spPr>
          <a:xfrm>
            <a:off x="1287450" y="3169179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OTLSHAPE_TB_00000000000000000000000000000000_ElapsedTimeExtension">
            <a:extLst>
              <a:ext uri="{FF2B5EF4-FFF2-40B4-BE49-F238E27FC236}">
                <a16:creationId xmlns:a16="http://schemas.microsoft.com/office/drawing/2014/main" id="{40C73647-0ADD-4D17-9D49-69E3C098113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58753" y="2965979"/>
            <a:ext cx="1930400" cy="25179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TB_00000000000000000000000000000000_RightEndCaps">
            <a:extLst>
              <a:ext uri="{FF2B5EF4-FFF2-40B4-BE49-F238E27FC236}">
                <a16:creationId xmlns:a16="http://schemas.microsoft.com/office/drawing/2014/main" id="{6C89248B-966F-4855-B448-F575D6245D3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1488822" y="5534935"/>
            <a:ext cx="451662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13" name="OTLSHAPE_TB_00000000000000000000000000000000_ScaleContainer">
            <a:extLst>
              <a:ext uri="{FF2B5EF4-FFF2-40B4-BE49-F238E27FC236}">
                <a16:creationId xmlns:a16="http://schemas.microsoft.com/office/drawing/2014/main" id="{A7DB1EAC-FF7C-4E8A-AF55-F6F9727BC92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58753" y="5483966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4" name="OTLSHAPE_TB_00000000000000000000000000000000_ElapsedTime">
            <a:extLst>
              <a:ext uri="{FF2B5EF4-FFF2-40B4-BE49-F238E27FC236}">
                <a16:creationId xmlns:a16="http://schemas.microsoft.com/office/drawing/2014/main" id="{C2C055A2-97CD-4A45-B548-83F07CBC257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58753" y="5483966"/>
            <a:ext cx="9462159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5" name="OTLSHAPE_TB_00000000000000000000000000000000_TodayMarkerShape">
            <a:extLst>
              <a:ext uri="{FF2B5EF4-FFF2-40B4-BE49-F238E27FC236}">
                <a16:creationId xmlns:a16="http://schemas.microsoft.com/office/drawing/2014/main" id="{0CC3471B-EDF2-4BB3-B974-545CFEB5642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0340854" y="5879622"/>
            <a:ext cx="214256" cy="124259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TB_00000000000000000000000000000000_TodayMarkerText">
            <a:extLst>
              <a:ext uri="{FF2B5EF4-FFF2-40B4-BE49-F238E27FC236}">
                <a16:creationId xmlns:a16="http://schemas.microsoft.com/office/drawing/2014/main" id="{77853484-CE02-47F6-882C-9D80886D0CA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0320911" y="5999077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7" name="OTLSHAPE_TB_00000000000000000000000000000000_TimescaleInterval1">
            <a:extLst>
              <a:ext uri="{FF2B5EF4-FFF2-40B4-BE49-F238E27FC236}">
                <a16:creationId xmlns:a16="http://schemas.microsoft.com/office/drawing/2014/main" id="{A771F805-EDAE-4482-9323-29E5BCEFB6B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922253" y="5581438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Week 1</a:t>
            </a:r>
            <a:endParaRPr lang="en-US" sz="1200" spc="-1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B_00000000000000000000000000000000_TimescaleInterval2">
            <a:extLst>
              <a:ext uri="{FF2B5EF4-FFF2-40B4-BE49-F238E27FC236}">
                <a16:creationId xmlns:a16="http://schemas.microsoft.com/office/drawing/2014/main" id="{5B8D45F8-F896-4EA4-B1B6-89BBBAA7BE3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422692" y="5581438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19" name="OTLSHAPE_TB_00000000000000000000000000000000_TimescaleInterval3">
            <a:extLst>
              <a:ext uri="{FF2B5EF4-FFF2-40B4-BE49-F238E27FC236}">
                <a16:creationId xmlns:a16="http://schemas.microsoft.com/office/drawing/2014/main" id="{158E96D6-B89F-4D5F-B45D-3C0A26BBC03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923131" y="5581438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0" name="OTLSHAPE_TB_00000000000000000000000000000000_TimescaleInterval4">
            <a:extLst>
              <a:ext uri="{FF2B5EF4-FFF2-40B4-BE49-F238E27FC236}">
                <a16:creationId xmlns:a16="http://schemas.microsoft.com/office/drawing/2014/main" id="{9B132182-EDD6-41C5-9584-BE334D9EF87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423569" y="5581438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21" name="OTLSHAPE_TB_00000000000000000000000000000000_TimescaleInterval5">
            <a:extLst>
              <a:ext uri="{FF2B5EF4-FFF2-40B4-BE49-F238E27FC236}">
                <a16:creationId xmlns:a16="http://schemas.microsoft.com/office/drawing/2014/main" id="{2A6FC65D-97DC-49E8-B44E-73890764746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924008" y="5581438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dk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22" name="OTLSHAPE_TB_00000000000000000000000000000000_TimescaleInterval6">
            <a:extLst>
              <a:ext uri="{FF2B5EF4-FFF2-40B4-BE49-F238E27FC236}">
                <a16:creationId xmlns:a16="http://schemas.microsoft.com/office/drawing/2014/main" id="{3F2162A2-627B-40FB-B0A1-222CF58F6E0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424447" y="558143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dk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23" name="OTLSHAPE_TB_00000000000000000000000000000000_TimescaleInterval7">
            <a:extLst>
              <a:ext uri="{FF2B5EF4-FFF2-40B4-BE49-F238E27FC236}">
                <a16:creationId xmlns:a16="http://schemas.microsoft.com/office/drawing/2014/main" id="{35E74C98-B08E-4326-819A-95D69B5BA75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924885" y="558143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dk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124" name="OTLSHAPE_T_452e55896f6c48919d077539225d27d2_Shape">
            <a:extLst>
              <a:ext uri="{FF2B5EF4-FFF2-40B4-BE49-F238E27FC236}">
                <a16:creationId xmlns:a16="http://schemas.microsoft.com/office/drawing/2014/main" id="{289E62B1-B24D-4FF2-B955-23608C69A8E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287450" y="2965979"/>
            <a:ext cx="8636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452e55896f6c48919d077539225d27d2_Title">
            <a:extLst>
              <a:ext uri="{FF2B5EF4-FFF2-40B4-BE49-F238E27FC236}">
                <a16:creationId xmlns:a16="http://schemas.microsoft.com/office/drawing/2014/main" id="{00E2E73B-C17F-448B-BA0A-225CC5D2516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9153" y="2799957"/>
            <a:ext cx="114038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Understanding client requirements</a:t>
            </a:r>
          </a:p>
        </p:txBody>
      </p:sp>
      <p:sp>
        <p:nvSpPr>
          <p:cNvPr id="126" name="OTLSHAPE_T_452e55896f6c48919d077539225d27d2_JoinedDate">
            <a:extLst>
              <a:ext uri="{FF2B5EF4-FFF2-40B4-BE49-F238E27FC236}">
                <a16:creationId xmlns:a16="http://schemas.microsoft.com/office/drawing/2014/main" id="{1CF42456-6893-4499-8D3C-6DA198C308C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195569" y="299006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25</a:t>
            </a:r>
            <a:r>
              <a:rPr lang="en-US" sz="1000" spc="-6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 oct – 1</a:t>
            </a:r>
            <a:r>
              <a:rPr lang="en-US" sz="1000" spc="-6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st</a:t>
            </a:r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 Nov</a:t>
            </a:r>
          </a:p>
        </p:txBody>
      </p:sp>
      <p:sp>
        <p:nvSpPr>
          <p:cNvPr id="127" name="OTLSHAPE_T_d4cd7e212019466eaf4c358c0c737b96_Shape">
            <a:extLst>
              <a:ext uri="{FF2B5EF4-FFF2-40B4-BE49-F238E27FC236}">
                <a16:creationId xmlns:a16="http://schemas.microsoft.com/office/drawing/2014/main" id="{A30E50EC-4116-46F7-BE7B-0640A818E5F6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211180" y="3398828"/>
            <a:ext cx="863600" cy="2032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8" name="OTLSHAPE_T_d4cd7e212019466eaf4c358c0c737b96_Title">
            <a:extLst>
              <a:ext uri="{FF2B5EF4-FFF2-40B4-BE49-F238E27FC236}">
                <a16:creationId xmlns:a16="http://schemas.microsoft.com/office/drawing/2014/main" id="{F40F6A75-3064-4CAC-8398-5EF4E300440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6061" y="3233921"/>
            <a:ext cx="199612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Client current situation and major issues</a:t>
            </a:r>
          </a:p>
        </p:txBody>
      </p:sp>
      <p:sp>
        <p:nvSpPr>
          <p:cNvPr id="129" name="OTLSHAPE_T_d4cd7e212019466eaf4c358c0c737b96_JoinedDate">
            <a:extLst>
              <a:ext uri="{FF2B5EF4-FFF2-40B4-BE49-F238E27FC236}">
                <a16:creationId xmlns:a16="http://schemas.microsoft.com/office/drawing/2014/main" id="{34CF95B0-5856-42E3-BBF2-263A96BC761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179981" y="341312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30</a:t>
            </a:r>
            <a:r>
              <a:rPr lang="en-US" sz="1000" spc="-6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 oct – 7</a:t>
            </a:r>
            <a:r>
              <a:rPr lang="en-US" sz="1000" spc="-6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 Nov</a:t>
            </a:r>
          </a:p>
        </p:txBody>
      </p:sp>
      <p:sp>
        <p:nvSpPr>
          <p:cNvPr id="130" name="OTLSHAPE_T_ba8be8b7b1b9493db1e8ea525f8242ca_Shape">
            <a:extLst>
              <a:ext uri="{FF2B5EF4-FFF2-40B4-BE49-F238E27FC236}">
                <a16:creationId xmlns:a16="http://schemas.microsoft.com/office/drawing/2014/main" id="{D0FCF7F1-55FD-4654-B339-DA92049FBD3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822334" y="3767434"/>
            <a:ext cx="3073532" cy="203201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ba8be8b7b1b9493db1e8ea525f8242ca_Title">
            <a:extLst>
              <a:ext uri="{FF2B5EF4-FFF2-40B4-BE49-F238E27FC236}">
                <a16:creationId xmlns:a16="http://schemas.microsoft.com/office/drawing/2014/main" id="{53A65402-EBA1-4276-81C3-6E856070399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-65711" y="3719191"/>
            <a:ext cx="24638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itial findings of sales cycle and marketing plan</a:t>
            </a:r>
          </a:p>
        </p:txBody>
      </p:sp>
      <p:sp>
        <p:nvSpPr>
          <p:cNvPr id="132" name="OTLSHAPE_T_ba8be8b7b1b9493db1e8ea525f8242ca_JoinedDate">
            <a:extLst>
              <a:ext uri="{FF2B5EF4-FFF2-40B4-BE49-F238E27FC236}">
                <a16:creationId xmlns:a16="http://schemas.microsoft.com/office/drawing/2014/main" id="{2694B481-37CC-4DD4-9C88-4BED8B938BE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009862" y="3797654"/>
            <a:ext cx="144964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7</a:t>
            </a:r>
            <a:r>
              <a:rPr lang="en-US" sz="1000" spc="-6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 Nov – 22</a:t>
            </a:r>
            <a:r>
              <a:rPr lang="en-US" sz="1000" spc="-6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nd</a:t>
            </a:r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 Nov</a:t>
            </a:r>
          </a:p>
        </p:txBody>
      </p:sp>
      <p:sp>
        <p:nvSpPr>
          <p:cNvPr id="133" name="OTLSHAPE_T_a66fb99f8b4040e09f16770f14329828_Shape">
            <a:extLst>
              <a:ext uri="{FF2B5EF4-FFF2-40B4-BE49-F238E27FC236}">
                <a16:creationId xmlns:a16="http://schemas.microsoft.com/office/drawing/2014/main" id="{2F59EA1E-CE99-4526-A41E-21D955450035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800651" y="4155553"/>
            <a:ext cx="2970849" cy="218264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a66fb99f8b4040e09f16770f14329828_Title">
            <a:extLst>
              <a:ext uri="{FF2B5EF4-FFF2-40B4-BE49-F238E27FC236}">
                <a16:creationId xmlns:a16="http://schemas.microsoft.com/office/drawing/2014/main" id="{B7FD6DC7-CDF2-4F94-A75A-9504134F7C6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629013" y="4092328"/>
            <a:ext cx="210620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itial findings of Risk Mitigation and improving revenue</a:t>
            </a:r>
          </a:p>
        </p:txBody>
      </p:sp>
      <p:sp>
        <p:nvSpPr>
          <p:cNvPr id="135" name="OTLSHAPE_T_a66fb99f8b4040e09f16770f14329828_JoinedDate">
            <a:extLst>
              <a:ext uri="{FF2B5EF4-FFF2-40B4-BE49-F238E27FC236}">
                <a16:creationId xmlns:a16="http://schemas.microsoft.com/office/drawing/2014/main" id="{A4B8E263-B975-4395-85DE-A280EE2FE9F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871273" y="4161801"/>
            <a:ext cx="144963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22</a:t>
            </a:r>
            <a:r>
              <a:rPr lang="en-US" sz="1000" spc="-6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nd</a:t>
            </a:r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  Nov – 4</a:t>
            </a:r>
            <a:r>
              <a:rPr lang="en-US" sz="1000" spc="-6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  Dec</a:t>
            </a:r>
          </a:p>
        </p:txBody>
      </p:sp>
      <p:sp>
        <p:nvSpPr>
          <p:cNvPr id="142" name="OTLSHAPE_T_3e2c53d2f6a34906bcaf9840461bd2b9_Shape">
            <a:extLst>
              <a:ext uri="{FF2B5EF4-FFF2-40B4-BE49-F238E27FC236}">
                <a16:creationId xmlns:a16="http://schemas.microsoft.com/office/drawing/2014/main" id="{BD478007-4B5D-45B3-A112-1128B2412FB2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789643" y="4704017"/>
            <a:ext cx="16129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3e2c53d2f6a34906bcaf9840461bd2b9_Title">
            <a:extLst>
              <a:ext uri="{FF2B5EF4-FFF2-40B4-BE49-F238E27FC236}">
                <a16:creationId xmlns:a16="http://schemas.microsoft.com/office/drawing/2014/main" id="{47C282FA-F876-41D3-89C9-35142957F35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10603" y="4636340"/>
            <a:ext cx="24384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view with client and finalizing marketing plan and sales cycle</a:t>
            </a:r>
          </a:p>
        </p:txBody>
      </p:sp>
      <p:sp>
        <p:nvSpPr>
          <p:cNvPr id="144" name="OTLSHAPE_T_3e2c53d2f6a34906bcaf9840461bd2b9_JoinedDate">
            <a:extLst>
              <a:ext uri="{FF2B5EF4-FFF2-40B4-BE49-F238E27FC236}">
                <a16:creationId xmlns:a16="http://schemas.microsoft.com/office/drawing/2014/main" id="{25BABE0C-7C33-4295-A4CC-A8D49243D89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447982" y="4728104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5</a:t>
            </a:r>
            <a:r>
              <a:rPr lang="en-US" sz="1000" spc="-6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 Dec – 11</a:t>
            </a:r>
            <a:r>
              <a:rPr lang="en-US" sz="1000" spc="-6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 Dec</a:t>
            </a:r>
          </a:p>
        </p:txBody>
      </p:sp>
      <p:sp>
        <p:nvSpPr>
          <p:cNvPr id="145" name="OTLSHAPE_T_5a37eb337d6e4d11b82b0631c48a4fe7_Shape">
            <a:extLst>
              <a:ext uri="{FF2B5EF4-FFF2-40B4-BE49-F238E27FC236}">
                <a16:creationId xmlns:a16="http://schemas.microsoft.com/office/drawing/2014/main" id="{FB90E2D3-6B95-4F29-B6CE-2CD26B226175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991049" y="5093991"/>
            <a:ext cx="2026143" cy="201554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T_5a37eb337d6e4d11b82b0631c48a4fe7_Title">
            <a:extLst>
              <a:ext uri="{FF2B5EF4-FFF2-40B4-BE49-F238E27FC236}">
                <a16:creationId xmlns:a16="http://schemas.microsoft.com/office/drawing/2014/main" id="{453C3402-4109-485F-A236-7AFCB5D480D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655991" y="5141997"/>
            <a:ext cx="226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senting to Client and final Report</a:t>
            </a:r>
          </a:p>
        </p:txBody>
      </p:sp>
      <p:sp>
        <p:nvSpPr>
          <p:cNvPr id="147" name="OTLSHAPE_T_5a37eb337d6e4d11b82b0631c48a4fe7_JoinedDate">
            <a:extLst>
              <a:ext uri="{FF2B5EF4-FFF2-40B4-BE49-F238E27FC236}">
                <a16:creationId xmlns:a16="http://schemas.microsoft.com/office/drawing/2014/main" id="{6D895340-FA52-436A-921F-4C4C81B78E9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1082903" y="5035716"/>
            <a:ext cx="99380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  <a:latin typeface="Calibri" panose="020F0502020204030204" pitchFamily="34" charset="0"/>
              </a:rPr>
              <a:t>6</a:t>
            </a:r>
            <a:r>
              <a:rPr lang="en-US" sz="1000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th</a:t>
            </a:r>
            <a:r>
              <a:rPr lang="en-US" sz="1000" dirty="0">
                <a:solidFill>
                  <a:srgbClr val="1F497E"/>
                </a:solidFill>
                <a:latin typeface="Calibri" panose="020F0502020204030204" pitchFamily="34" charset="0"/>
              </a:rPr>
              <a:t> Dec – 15</a:t>
            </a:r>
            <a:r>
              <a:rPr lang="en-US" sz="1000" baseline="30000" dirty="0">
                <a:solidFill>
                  <a:srgbClr val="1F497E"/>
                </a:solidFill>
                <a:latin typeface="Calibri" panose="020F0502020204030204" pitchFamily="34" charset="0"/>
              </a:rPr>
              <a:t>th</a:t>
            </a:r>
            <a:r>
              <a:rPr lang="en-US" sz="1000" dirty="0">
                <a:solidFill>
                  <a:srgbClr val="1F497E"/>
                </a:solidFill>
                <a:latin typeface="Calibri" panose="020F0502020204030204" pitchFamily="34" charset="0"/>
              </a:rPr>
              <a:t> Dec</a:t>
            </a:r>
          </a:p>
        </p:txBody>
      </p:sp>
      <p:sp>
        <p:nvSpPr>
          <p:cNvPr id="148" name="OTLSHAPE_TB_00000000000000000000000000000000_ElapsedTime">
            <a:extLst>
              <a:ext uri="{FF2B5EF4-FFF2-40B4-BE49-F238E27FC236}">
                <a16:creationId xmlns:a16="http://schemas.microsoft.com/office/drawing/2014/main" id="{050B385B-0495-4A2D-A0E1-B5417DB633CD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0320911" y="5491294"/>
            <a:ext cx="1053441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3066835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5" name="Rectangle 25">
            <a:extLst>
              <a:ext uri="{FF2B5EF4-FFF2-40B4-BE49-F238E27FC236}">
                <a16:creationId xmlns:a16="http://schemas.microsoft.com/office/drawing/2014/main" id="{86CD3965-7576-4EBB-9FEA-0E73E2DB4AC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2286000"/>
            <a:ext cx="12192000" cy="4572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Rectangle 27">
            <a:extLst>
              <a:ext uri="{FF2B5EF4-FFF2-40B4-BE49-F238E27FC236}">
                <a16:creationId xmlns:a16="http://schemas.microsoft.com/office/drawing/2014/main" id="{FA4B15F5-9B02-4280-9F50-172515BF4C6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2286000"/>
          </a:xfrm>
          <a:prstGeom prst="rect">
            <a:avLst/>
          </a:prstGeom>
          <a:solidFill>
            <a:schemeClr val="tx1"/>
          </a:solidFill>
          <a:ln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7" name="Picture 29" descr="A picture containing indoor, sitting&#10;&#10;Description generated with high confidence">
            <a:extLst>
              <a:ext uri="{FF2B5EF4-FFF2-40B4-BE49-F238E27FC236}">
                <a16:creationId xmlns:a16="http://schemas.microsoft.com/office/drawing/2014/main" id="{E3A5BBF0-37C3-4339-BD51-F7A980A93B6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144145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1DA23E51-FCE8-4A02-B8B2-17BC10340CA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9783" y="878673"/>
            <a:ext cx="11032434" cy="1293028"/>
          </a:xfrm>
        </p:spPr>
        <p:txBody>
          <a:bodyPr>
            <a:norm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value added to L2L</a:t>
            </a:r>
          </a:p>
        </p:txBody>
      </p:sp>
      <p:graphicFrame>
        <p:nvGraphicFramePr>
          <p:cNvPr id="21" name="Content Placeholder 2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490672300"/>
              </p:ext>
            </p:extLst>
          </p:nvPr>
        </p:nvGraphicFramePr>
        <p:xfrm>
          <a:off x="536713" y="3013654"/>
          <a:ext cx="11118573" cy="329239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20898285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A7AE9551-5C26-4C02-AD25-71334237E0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4740" y="2561699"/>
            <a:ext cx="11032434" cy="1293028"/>
          </a:xfrm>
        </p:spPr>
        <p:txBody>
          <a:bodyPr>
            <a:normAutofit/>
          </a:bodyPr>
          <a:lstStyle/>
          <a:p>
            <a:pPr algn="ctr"/>
            <a:r>
              <a:rPr lang="en-US" sz="5400" dirty="0"/>
              <a:t>Thank you!</a:t>
            </a:r>
          </a:p>
        </p:txBody>
      </p:sp>
    </p:spTree>
    <p:extLst>
      <p:ext uri="{BB962C8B-B14F-4D97-AF65-F5344CB8AC3E}">
        <p14:creationId xmlns:p14="http://schemas.microsoft.com/office/powerpoint/2010/main" val="368826994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Vapor Trail">
  <a:themeElements>
    <a:clrScheme name="Vapor Trail">
      <a:dk1>
        <a:sysClr val="windowText" lastClr="000000"/>
      </a:dk1>
      <a:lt1>
        <a:sysClr val="window" lastClr="FFFFFF"/>
      </a:lt1>
      <a:dk2>
        <a:srgbClr val="454545"/>
      </a:dk2>
      <a:lt2>
        <a:srgbClr val="DADADA"/>
      </a:lt2>
      <a:accent1>
        <a:srgbClr val="DF2E28"/>
      </a:accent1>
      <a:accent2>
        <a:srgbClr val="FE801A"/>
      </a:accent2>
      <a:accent3>
        <a:srgbClr val="E9BF35"/>
      </a:accent3>
      <a:accent4>
        <a:srgbClr val="81BB42"/>
      </a:accent4>
      <a:accent5>
        <a:srgbClr val="32C7A9"/>
      </a:accent5>
      <a:accent6>
        <a:srgbClr val="4A9BDC"/>
      </a:accent6>
      <a:hlink>
        <a:srgbClr val="F0532B"/>
      </a:hlink>
      <a:folHlink>
        <a:srgbClr val="F38B53"/>
      </a:folHlink>
    </a:clrScheme>
    <a:fontScheme name="Vapor Trail">
      <a:majorFont>
        <a:latin typeface="Century Gothic" panose="020B050202020202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 panose="020B050202020202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Vapor Trail">
      <a:fillStyleLst>
        <a:solidFill>
          <a:schemeClr val="phClr"/>
        </a:solidFill>
        <a:gradFill rotWithShape="1">
          <a:gsLst>
            <a:gs pos="0">
              <a:schemeClr val="phClr">
                <a:tint val="69000"/>
                <a:alpha val="100000"/>
                <a:satMod val="109000"/>
                <a:lumMod val="110000"/>
              </a:schemeClr>
            </a:gs>
            <a:gs pos="52000">
              <a:schemeClr val="phClr">
                <a:tint val="74000"/>
                <a:satMod val="100000"/>
                <a:lumMod val="104000"/>
              </a:schemeClr>
            </a:gs>
            <a:gs pos="100000">
              <a:schemeClr val="phClr">
                <a:tint val="78000"/>
                <a:satMod val="100000"/>
                <a:lum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satMod val="100000"/>
                <a:lumMod val="104000"/>
              </a:schemeClr>
            </a:gs>
            <a:gs pos="78000">
              <a:schemeClr val="phClr">
                <a:shade val="100000"/>
                <a:satMod val="110000"/>
                <a:lumMod val="10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  <a:scene3d>
            <a:camera prst="orthographicFront">
              <a:rot lat="0" lon="0" rev="0"/>
            </a:camera>
            <a:lightRig rig="threePt" dir="t"/>
          </a:scene3d>
          <a:sp3d>
            <a:bevelT w="25400" h="12700"/>
          </a:sp3d>
        </a:effectStyle>
        <a:effectStyle>
          <a:effectLst>
            <a:outerShdw blurRad="57150" dist="19050" dir="5400000" algn="ctr" rotWithShape="0">
              <a:srgbClr val="000000">
                <a:alpha val="48000"/>
              </a:srgbClr>
            </a:outerShdw>
          </a:effectLst>
          <a:scene3d>
            <a:camera prst="orthographicFront">
              <a:rot lat="0" lon="0" rev="0"/>
            </a:camera>
            <a:lightRig rig="threePt" dir="t"/>
          </a:scene3d>
          <a:sp3d>
            <a:bevelT w="50800" h="25400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Vapor Trail" id="{4FDF2955-7D9C-493C-B9F9-C205151B46CD}" vid="{8F31A783-2159-4870-BC29-2BA7D038EA44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Vapor Trail</Template>
  <TotalTime>1942</TotalTime>
  <Words>182</Words>
  <Application>Microsoft Office PowerPoint</Application>
  <PresentationFormat>Widescreen</PresentationFormat>
  <Paragraphs>54</Paragraphs>
  <Slides>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1" baseType="lpstr">
      <vt:lpstr>Arial</vt:lpstr>
      <vt:lpstr>Calibri</vt:lpstr>
      <vt:lpstr>Century Gothic</vt:lpstr>
      <vt:lpstr>Vapor Trail</vt:lpstr>
      <vt:lpstr>Listing2Leasing</vt:lpstr>
      <vt:lpstr>L2l Overview</vt:lpstr>
      <vt:lpstr>Project Overview</vt:lpstr>
      <vt:lpstr>Project Scope / L2L Expectations</vt:lpstr>
      <vt:lpstr>Current Status</vt:lpstr>
      <vt:lpstr>value added to L2L</vt:lpstr>
      <vt:lpstr>Thank you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itBux – Yodlee Integration</dc:title>
  <dc:creator>Tewani, Rimpy Kanayalal</dc:creator>
  <cp:lastModifiedBy>Prashansa Nande</cp:lastModifiedBy>
  <cp:revision>74</cp:revision>
  <cp:lastPrinted>2017-09-21T06:04:20Z</cp:lastPrinted>
  <dcterms:created xsi:type="dcterms:W3CDTF">2017-09-21T00:21:46Z</dcterms:created>
  <dcterms:modified xsi:type="dcterms:W3CDTF">2017-12-07T00:33:08Z</dcterms:modified>
</cp:coreProperties>
</file>